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6731"/>
  <workbookPr/>
  <mc:AlternateContent xmlns:mc="http://schemas.openxmlformats.org/markup-compatibility/2006">
    <mc:Choice Requires="x15">
      <x15ac:absPath xmlns:x15ac="http://schemas.microsoft.com/office/spreadsheetml/2010/11/ac" url="C:\Users\Knox_Makumbe\AppData\Roaming\OpenText\OTEdit\EC_content_server\i201525659\"/>
    </mc:Choice>
  </mc:AlternateContent>
  <xr:revisionPtr revIDLastSave="0" documentId="13_ncr:1_{E1D2359B-2603-45D7-A854-393DC4CF73DD}" xr6:coauthVersionLast="47" xr6:coauthVersionMax="47" xr10:uidLastSave="{00000000-0000-0000-0000-000000000000}"/>
  <bookViews>
    <workbookView xWindow="-120" yWindow="-120" windowWidth="29040" windowHeight="15840" xr2:uid="{00000000-000D-0000-FFFF-FFFF00000000}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6" uniqueCount="30">
  <si>
    <t xml:space="preserve">  Men+</t>
  </si>
  <si>
    <t xml:space="preserve">  Women+</t>
  </si>
  <si>
    <t xml:space="preserve">  No certificate, diploma or degree</t>
  </si>
  <si>
    <t xml:space="preserve">    Bachelor’s degree or higher</t>
  </si>
  <si>
    <t xml:space="preserve">  Total visible minority population</t>
  </si>
  <si>
    <t xml:space="preserve">    South Asian</t>
  </si>
  <si>
    <t>X</t>
  </si>
  <si>
    <t>...</t>
  </si>
  <si>
    <t xml:space="preserve">    Chinese</t>
  </si>
  <si>
    <t xml:space="preserve">    Black</t>
  </si>
  <si>
    <t xml:space="preserve">    Filipino</t>
  </si>
  <si>
    <t xml:space="preserve">    Arab</t>
  </si>
  <si>
    <t xml:space="preserve">    Latin American</t>
  </si>
  <si>
    <t xml:space="preserve">    Southeast Asian</t>
  </si>
  <si>
    <t xml:space="preserve">    West Asian</t>
  </si>
  <si>
    <t xml:space="preserve">    Korean</t>
  </si>
  <si>
    <t xml:space="preserve">    Japanese</t>
  </si>
  <si>
    <t xml:space="preserve">    Visible minority, n.i.e.</t>
  </si>
  <si>
    <t xml:space="preserve">    Multiple visible minorities</t>
  </si>
  <si>
    <t xml:space="preserve">  Not a visible minority</t>
  </si>
  <si>
    <t>Total</t>
  </si>
  <si>
    <t xml:space="preserve">  High school diploma </t>
  </si>
  <si>
    <t xml:space="preserve">    Postsecondary certificate or diploma</t>
  </si>
  <si>
    <t>Total Persons</t>
  </si>
  <si>
    <t>Median employment income by visible minority, highest level of schooling, and gender</t>
  </si>
  <si>
    <t xml:space="preserve">Northwest Territories, 2021 </t>
  </si>
  <si>
    <t xml:space="preserve">Notes: </t>
  </si>
  <si>
    <t xml:space="preserve">2. 'x' - Suppressed to meet confidentiality requirements. </t>
  </si>
  <si>
    <t xml:space="preserve">3. '…' - Not applicable </t>
  </si>
  <si>
    <t>1. Source: 2021 Census. Statistics Canada. Table 98-10-0642-01  Average and median employment income by visible minority, selected sociodemographic characteristics and the census year: Canada, geographical regions of Canada, provinces and territories and census metropolitan areas with part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43" formatCode="_(* #,##0.00_);_(* \(#,##0.00\);_(* &quot;-&quot;??_);_(@_)"/>
    <numFmt numFmtId="169" formatCode="_(* #,##0.0_);_(* \(#,##0.0\);_(* &quot;-&quot;??_);_(@_)"/>
    <numFmt numFmtId="170" formatCode="_(* #,##0_);_(* \(#,##0\);_(* &quot;-&quot;??_);_(@_)"/>
  </numFmts>
  <fonts count="11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  <font>
      <sz val="10"/>
      <color rgb="FF2699D5"/>
      <name val="Calibri"/>
      <family val="2"/>
      <scheme val="minor"/>
    </font>
    <font>
      <b/>
      <sz val="10"/>
      <color rgb="FF2699D5"/>
      <name val="Calibri"/>
      <family val="2"/>
      <scheme val="minor"/>
    </font>
    <font>
      <i/>
      <sz val="10"/>
      <color theme="1"/>
      <name val="Calibri"/>
      <family val="2"/>
      <scheme val="minor"/>
    </font>
    <font>
      <b/>
      <sz val="11"/>
      <color rgb="FF2699D5"/>
      <name val="Calibri"/>
      <family val="2"/>
      <scheme val="minor"/>
    </font>
    <font>
      <b/>
      <sz val="12"/>
      <color rgb="FF2699D5"/>
      <name val="Calibri"/>
      <family val="2"/>
      <scheme val="minor"/>
    </font>
    <font>
      <i/>
      <sz val="9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2699D5"/>
        <bgColor indexed="64"/>
      </patternFill>
    </fill>
  </fills>
  <borders count="4">
    <border>
      <left/>
      <right/>
      <top/>
      <bottom/>
      <diagonal/>
    </border>
    <border>
      <left/>
      <right/>
      <top style="medium">
        <color rgb="FF2699D5"/>
      </top>
      <bottom/>
      <diagonal/>
    </border>
    <border>
      <left/>
      <right/>
      <top/>
      <bottom style="medium">
        <color rgb="FF2699D5"/>
      </bottom>
      <diagonal/>
    </border>
    <border>
      <left/>
      <right/>
      <top style="medium">
        <color rgb="FF2699D5"/>
      </top>
      <bottom style="thin">
        <color rgb="FF2699D5"/>
      </bottom>
      <diagonal/>
    </border>
  </borders>
  <cellStyleXfs count="2">
    <xf numFmtId="0" fontId="0" fillId="0" borderId="0"/>
    <xf numFmtId="43" fontId="1" fillId="0" borderId="0" applyFont="0" applyFill="0" applyBorder="0" applyAlignment="0" applyProtection="0"/>
  </cellStyleXfs>
  <cellXfs count="27">
    <xf numFmtId="0" fontId="0" fillId="0" borderId="0" xfId="0"/>
    <xf numFmtId="0" fontId="0" fillId="0" borderId="0" xfId="0" applyAlignment="1">
      <alignment wrapText="1"/>
    </xf>
    <xf numFmtId="0" fontId="0" fillId="0" borderId="0" xfId="0" applyAlignment="1">
      <alignment horizontal="right" wrapText="1"/>
    </xf>
    <xf numFmtId="0" fontId="0" fillId="0" borderId="1" xfId="0" applyBorder="1"/>
    <xf numFmtId="0" fontId="0" fillId="0" borderId="2" xfId="0" applyBorder="1"/>
    <xf numFmtId="0" fontId="2" fillId="2" borderId="3" xfId="0" applyFont="1" applyFill="1" applyBorder="1" applyAlignment="1">
      <alignment horizontal="center"/>
    </xf>
    <xf numFmtId="0" fontId="0" fillId="0" borderId="3" xfId="0" applyBorder="1"/>
    <xf numFmtId="0" fontId="3" fillId="0" borderId="2" xfId="0" applyFont="1" applyBorder="1" applyAlignment="1">
      <alignment horizontal="right" wrapText="1"/>
    </xf>
    <xf numFmtId="0" fontId="4" fillId="0" borderId="2" xfId="0" applyFont="1" applyBorder="1" applyAlignment="1">
      <alignment horizontal="right" wrapText="1"/>
    </xf>
    <xf numFmtId="0" fontId="3" fillId="0" borderId="0" xfId="0" applyFont="1" applyBorder="1" applyAlignment="1">
      <alignment wrapText="1"/>
    </xf>
    <xf numFmtId="0" fontId="4" fillId="0" borderId="0" xfId="0" applyFont="1" applyBorder="1" applyAlignment="1">
      <alignment wrapText="1"/>
    </xf>
    <xf numFmtId="169" fontId="4" fillId="0" borderId="0" xfId="1" applyNumberFormat="1" applyFont="1" applyBorder="1" applyAlignment="1">
      <alignment horizontal="right"/>
    </xf>
    <xf numFmtId="169" fontId="3" fillId="0" borderId="0" xfId="1" applyNumberFormat="1" applyFont="1" applyBorder="1" applyAlignment="1">
      <alignment horizontal="right"/>
    </xf>
    <xf numFmtId="0" fontId="5" fillId="0" borderId="0" xfId="0" applyFont="1" applyBorder="1" applyAlignment="1">
      <alignment horizontal="right"/>
    </xf>
    <xf numFmtId="169" fontId="6" fillId="0" borderId="0" xfId="1" applyNumberFormat="1" applyFont="1" applyBorder="1" applyAlignment="1">
      <alignment horizontal="right"/>
    </xf>
    <xf numFmtId="169" fontId="5" fillId="0" borderId="0" xfId="1" applyNumberFormat="1" applyFont="1" applyBorder="1" applyAlignment="1">
      <alignment horizontal="right"/>
    </xf>
    <xf numFmtId="0" fontId="4" fillId="0" borderId="0" xfId="0" applyFont="1" applyBorder="1" applyAlignment="1">
      <alignment horizontal="left"/>
    </xf>
    <xf numFmtId="0" fontId="3" fillId="0" borderId="0" xfId="0" applyFont="1" applyBorder="1" applyAlignment="1">
      <alignment horizontal="left"/>
    </xf>
    <xf numFmtId="0" fontId="5" fillId="0" borderId="0" xfId="0" applyFont="1" applyBorder="1" applyAlignment="1">
      <alignment horizontal="left"/>
    </xf>
    <xf numFmtId="170" fontId="5" fillId="0" borderId="0" xfId="1" applyNumberFormat="1" applyFont="1" applyBorder="1" applyAlignment="1">
      <alignment horizontal="right"/>
    </xf>
    <xf numFmtId="170" fontId="3" fillId="0" borderId="0" xfId="1" applyNumberFormat="1" applyFont="1" applyBorder="1" applyAlignment="1">
      <alignment horizontal="right"/>
    </xf>
    <xf numFmtId="170" fontId="6" fillId="0" borderId="0" xfId="1" applyNumberFormat="1" applyFont="1" applyBorder="1" applyAlignment="1">
      <alignment horizontal="right"/>
    </xf>
    <xf numFmtId="170" fontId="4" fillId="0" borderId="0" xfId="1" applyNumberFormat="1" applyFont="1" applyBorder="1" applyAlignment="1">
      <alignment horizontal="right"/>
    </xf>
    <xf numFmtId="0" fontId="7" fillId="0" borderId="0" xfId="0" applyFont="1"/>
    <xf numFmtId="0" fontId="8" fillId="0" borderId="0" xfId="0" applyFont="1"/>
    <xf numFmtId="0" fontId="9" fillId="0" borderId="0" xfId="0" applyFont="1"/>
    <xf numFmtId="0" fontId="10" fillId="0" borderId="0" xfId="0" applyFont="1"/>
  </cellXfs>
  <cellStyles count="2">
    <cellStyle name="Comma" xfId="1" builtinId="3"/>
    <cellStyle name="Normal" xfId="0" builtinId="0"/>
  </cellStyles>
  <dxfs count="0"/>
  <tableStyles count="0" defaultTableStyle="TableStyleMedium2" defaultPivotStyle="PivotStyleLight16"/>
  <colors>
    <mruColors>
      <color rgb="FF2699D5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XFB46"/>
  <sheetViews>
    <sheetView tabSelected="1" workbookViewId="0"/>
  </sheetViews>
  <sheetFormatPr defaultRowHeight="15" x14ac:dyDescent="0.25"/>
  <cols>
    <col min="1" max="1" width="29.42578125" customWidth="1"/>
    <col min="2" max="6" width="11" customWidth="1"/>
    <col min="7" max="7" width="2.140625" customWidth="1"/>
    <col min="8" max="12" width="11" customWidth="1"/>
    <col min="13" max="13" width="2.140625" customWidth="1"/>
    <col min="14" max="21" width="11" customWidth="1"/>
  </cols>
  <sheetData>
    <row r="1" spans="1:18" ht="15.75" x14ac:dyDescent="0.25">
      <c r="A1" s="25" t="s">
        <v>24</v>
      </c>
    </row>
    <row r="2" spans="1:18" x14ac:dyDescent="0.25">
      <c r="A2" s="24" t="s">
        <v>25</v>
      </c>
    </row>
    <row r="3" spans="1:18" ht="15.75" thickBot="1" x14ac:dyDescent="0.3"/>
    <row r="4" spans="1:18" x14ac:dyDescent="0.25">
      <c r="A4" s="3"/>
      <c r="B4" s="5" t="s">
        <v>23</v>
      </c>
      <c r="C4" s="5"/>
      <c r="D4" s="5"/>
      <c r="E4" s="5"/>
      <c r="F4" s="5"/>
      <c r="G4" s="6"/>
      <c r="H4" s="5" t="s">
        <v>0</v>
      </c>
      <c r="I4" s="5"/>
      <c r="J4" s="5"/>
      <c r="K4" s="5"/>
      <c r="L4" s="5"/>
      <c r="M4" s="6"/>
      <c r="N4" s="5" t="s">
        <v>1</v>
      </c>
      <c r="O4" s="5"/>
      <c r="P4" s="5"/>
      <c r="Q4" s="5"/>
      <c r="R4" s="5"/>
    </row>
    <row r="5" spans="1:18" s="2" customFormat="1" ht="52.5" thickBot="1" x14ac:dyDescent="0.3">
      <c r="A5" s="7"/>
      <c r="B5" s="8" t="s">
        <v>20</v>
      </c>
      <c r="C5" s="7" t="s">
        <v>2</v>
      </c>
      <c r="D5" s="7" t="s">
        <v>21</v>
      </c>
      <c r="E5" s="7" t="s">
        <v>22</v>
      </c>
      <c r="F5" s="7" t="s">
        <v>3</v>
      </c>
      <c r="G5" s="7"/>
      <c r="H5" s="8" t="s">
        <v>20</v>
      </c>
      <c r="I5" s="7" t="s">
        <v>2</v>
      </c>
      <c r="J5" s="7" t="s">
        <v>21</v>
      </c>
      <c r="K5" s="7" t="s">
        <v>22</v>
      </c>
      <c r="L5" s="7" t="s">
        <v>3</v>
      </c>
      <c r="M5" s="7"/>
      <c r="N5" s="8" t="s">
        <v>20</v>
      </c>
      <c r="O5" s="7" t="s">
        <v>2</v>
      </c>
      <c r="P5" s="7" t="s">
        <v>21</v>
      </c>
      <c r="Q5" s="7" t="s">
        <v>22</v>
      </c>
      <c r="R5" s="7" t="s">
        <v>3</v>
      </c>
    </row>
    <row r="6" spans="1:18" s="1" customFormat="1" x14ac:dyDescent="0.25">
      <c r="A6" s="9"/>
      <c r="B6" s="10"/>
      <c r="C6" s="9"/>
      <c r="D6" s="9"/>
      <c r="E6" s="9"/>
      <c r="F6" s="9"/>
      <c r="G6" s="9"/>
      <c r="H6" s="10"/>
      <c r="I6" s="9"/>
      <c r="J6" s="9"/>
      <c r="K6" s="9"/>
      <c r="L6" s="9"/>
      <c r="M6" s="9"/>
      <c r="N6" s="10"/>
      <c r="O6" s="9"/>
      <c r="P6" s="9"/>
      <c r="Q6" s="9"/>
      <c r="R6" s="9"/>
    </row>
    <row r="7" spans="1:18" x14ac:dyDescent="0.25">
      <c r="A7" s="16" t="s">
        <v>20</v>
      </c>
      <c r="B7" s="22">
        <v>60800</v>
      </c>
      <c r="C7" s="22">
        <v>17000</v>
      </c>
      <c r="D7" s="22">
        <v>44000</v>
      </c>
      <c r="E7" s="22">
        <v>73500</v>
      </c>
      <c r="F7" s="22">
        <v>102000</v>
      </c>
      <c r="G7" s="22"/>
      <c r="H7" s="22">
        <v>64000</v>
      </c>
      <c r="I7" s="22">
        <v>19800</v>
      </c>
      <c r="J7" s="22">
        <v>50400</v>
      </c>
      <c r="K7" s="22">
        <v>83000</v>
      </c>
      <c r="L7" s="22">
        <v>107000</v>
      </c>
      <c r="M7" s="22"/>
      <c r="N7" s="22">
        <v>58400</v>
      </c>
      <c r="O7" s="22">
        <v>13500</v>
      </c>
      <c r="P7" s="22">
        <v>38000</v>
      </c>
      <c r="Q7" s="22">
        <v>65000</v>
      </c>
      <c r="R7" s="22">
        <v>99000</v>
      </c>
    </row>
    <row r="8" spans="1:18" x14ac:dyDescent="0.25">
      <c r="A8" s="17"/>
      <c r="B8" s="11"/>
      <c r="C8" s="12"/>
      <c r="D8" s="12"/>
      <c r="E8" s="12"/>
      <c r="F8" s="12"/>
      <c r="G8" s="12"/>
      <c r="H8" s="11"/>
      <c r="I8" s="12"/>
      <c r="J8" s="12"/>
      <c r="K8" s="12"/>
      <c r="L8" s="12"/>
      <c r="M8" s="12"/>
      <c r="N8" s="11"/>
      <c r="O8" s="12"/>
      <c r="P8" s="12"/>
      <c r="Q8" s="12"/>
      <c r="R8" s="12"/>
    </row>
    <row r="9" spans="1:18" x14ac:dyDescent="0.25">
      <c r="A9" s="18" t="s">
        <v>4</v>
      </c>
      <c r="B9" s="19">
        <v>57200</v>
      </c>
      <c r="C9" s="19">
        <v>19800</v>
      </c>
      <c r="D9" s="19">
        <v>36400</v>
      </c>
      <c r="E9" s="19">
        <v>55600</v>
      </c>
      <c r="F9" s="19">
        <v>82000</v>
      </c>
      <c r="G9" s="19"/>
      <c r="H9" s="19">
        <v>63200</v>
      </c>
      <c r="I9" s="19">
        <v>9600</v>
      </c>
      <c r="J9" s="19">
        <v>46400</v>
      </c>
      <c r="K9" s="19">
        <v>57200</v>
      </c>
      <c r="L9" s="19">
        <v>92000</v>
      </c>
      <c r="M9" s="19"/>
      <c r="N9" s="19">
        <v>52800</v>
      </c>
      <c r="O9" s="19">
        <v>30800</v>
      </c>
      <c r="P9" s="19">
        <v>27200</v>
      </c>
      <c r="Q9" s="19">
        <v>53200</v>
      </c>
      <c r="R9" s="19">
        <v>76500</v>
      </c>
    </row>
    <row r="10" spans="1:18" x14ac:dyDescent="0.25">
      <c r="A10" s="17" t="s">
        <v>5</v>
      </c>
      <c r="B10" s="20">
        <v>68000</v>
      </c>
      <c r="C10" s="20" t="s">
        <v>6</v>
      </c>
      <c r="D10" s="20">
        <v>25200</v>
      </c>
      <c r="E10" s="20">
        <v>46800</v>
      </c>
      <c r="F10" s="20">
        <v>86000</v>
      </c>
      <c r="G10" s="20"/>
      <c r="H10" s="20">
        <v>86000</v>
      </c>
      <c r="I10" s="20" t="s">
        <v>6</v>
      </c>
      <c r="J10" s="20">
        <v>46400</v>
      </c>
      <c r="K10" s="20">
        <v>48000</v>
      </c>
      <c r="L10" s="20">
        <v>100000</v>
      </c>
      <c r="M10" s="20"/>
      <c r="N10" s="20">
        <v>60800</v>
      </c>
      <c r="O10" s="20" t="s">
        <v>7</v>
      </c>
      <c r="P10" s="20">
        <v>16600</v>
      </c>
      <c r="Q10" s="20">
        <v>43200</v>
      </c>
      <c r="R10" s="20">
        <v>78000</v>
      </c>
    </row>
    <row r="11" spans="1:18" x14ac:dyDescent="0.25">
      <c r="A11" s="17" t="s">
        <v>8</v>
      </c>
      <c r="B11" s="20">
        <v>50000</v>
      </c>
      <c r="C11" s="20">
        <v>37600</v>
      </c>
      <c r="D11" s="20">
        <v>23600</v>
      </c>
      <c r="E11" s="20">
        <v>29600</v>
      </c>
      <c r="F11" s="20">
        <v>77500</v>
      </c>
      <c r="G11" s="20"/>
      <c r="H11" s="20">
        <v>57200</v>
      </c>
      <c r="I11" s="20" t="s">
        <v>6</v>
      </c>
      <c r="J11" s="20">
        <v>43200</v>
      </c>
      <c r="K11" s="20" t="s">
        <v>6</v>
      </c>
      <c r="L11" s="20">
        <v>91000</v>
      </c>
      <c r="M11" s="20"/>
      <c r="N11" s="20">
        <v>37600</v>
      </c>
      <c r="O11" s="20" t="s">
        <v>6</v>
      </c>
      <c r="P11" s="20" t="s">
        <v>6</v>
      </c>
      <c r="Q11" s="20">
        <v>34800</v>
      </c>
      <c r="R11" s="20">
        <v>77500</v>
      </c>
    </row>
    <row r="12" spans="1:18" x14ac:dyDescent="0.25">
      <c r="A12" s="17" t="s">
        <v>9</v>
      </c>
      <c r="B12" s="20">
        <v>65500</v>
      </c>
      <c r="C12" s="20">
        <v>37600</v>
      </c>
      <c r="D12" s="20">
        <v>31800</v>
      </c>
      <c r="E12" s="20">
        <v>66000</v>
      </c>
      <c r="F12" s="20">
        <v>96000</v>
      </c>
      <c r="G12" s="20"/>
      <c r="H12" s="20">
        <v>69500</v>
      </c>
      <c r="I12" s="20">
        <v>38000</v>
      </c>
      <c r="J12" s="20">
        <v>41600</v>
      </c>
      <c r="K12" s="20">
        <v>69500</v>
      </c>
      <c r="L12" s="20">
        <v>105000</v>
      </c>
      <c r="M12" s="20"/>
      <c r="N12" s="20">
        <v>64500</v>
      </c>
      <c r="O12" s="20" t="s">
        <v>6</v>
      </c>
      <c r="P12" s="20">
        <v>28000</v>
      </c>
      <c r="Q12" s="20">
        <v>62000</v>
      </c>
      <c r="R12" s="20">
        <v>95000</v>
      </c>
    </row>
    <row r="13" spans="1:18" x14ac:dyDescent="0.25">
      <c r="A13" s="17" t="s">
        <v>10</v>
      </c>
      <c r="B13" s="20">
        <v>57600</v>
      </c>
      <c r="C13" s="20">
        <v>6800</v>
      </c>
      <c r="D13" s="20">
        <v>42800</v>
      </c>
      <c r="E13" s="20">
        <v>61600</v>
      </c>
      <c r="F13" s="20">
        <v>77500</v>
      </c>
      <c r="G13" s="20"/>
      <c r="H13" s="20">
        <v>63200</v>
      </c>
      <c r="I13" s="20">
        <v>8100</v>
      </c>
      <c r="J13" s="20">
        <v>54000</v>
      </c>
      <c r="K13" s="20">
        <v>66000</v>
      </c>
      <c r="L13" s="20">
        <v>81000</v>
      </c>
      <c r="M13" s="20"/>
      <c r="N13" s="20">
        <v>53200</v>
      </c>
      <c r="O13" s="20">
        <v>4800</v>
      </c>
      <c r="P13" s="20">
        <v>31200</v>
      </c>
      <c r="Q13" s="20">
        <v>58400</v>
      </c>
      <c r="R13" s="20">
        <v>74500</v>
      </c>
    </row>
    <row r="14" spans="1:18" x14ac:dyDescent="0.25">
      <c r="A14" s="17" t="s">
        <v>11</v>
      </c>
      <c r="B14" s="20">
        <v>38000</v>
      </c>
      <c r="C14" s="20">
        <v>4600</v>
      </c>
      <c r="D14" s="20">
        <v>38000</v>
      </c>
      <c r="E14" s="20">
        <v>32000</v>
      </c>
      <c r="F14" s="20">
        <v>104000</v>
      </c>
      <c r="G14" s="20"/>
      <c r="H14" s="20">
        <v>31400</v>
      </c>
      <c r="I14" s="20">
        <v>4600</v>
      </c>
      <c r="J14" s="20" t="s">
        <v>6</v>
      </c>
      <c r="K14" s="20" t="s">
        <v>6</v>
      </c>
      <c r="L14" s="20">
        <v>104000</v>
      </c>
      <c r="M14" s="20"/>
      <c r="N14" s="20">
        <v>48400</v>
      </c>
      <c r="O14" s="20" t="s">
        <v>6</v>
      </c>
      <c r="P14" s="20" t="s">
        <v>6</v>
      </c>
      <c r="Q14" s="20" t="s">
        <v>6</v>
      </c>
      <c r="R14" s="20" t="s">
        <v>6</v>
      </c>
    </row>
    <row r="15" spans="1:18" x14ac:dyDescent="0.25">
      <c r="A15" s="17" t="s">
        <v>12</v>
      </c>
      <c r="B15" s="20">
        <v>49600</v>
      </c>
      <c r="C15" s="20" t="s">
        <v>7</v>
      </c>
      <c r="D15" s="20">
        <v>20600</v>
      </c>
      <c r="E15" s="20" t="s">
        <v>6</v>
      </c>
      <c r="F15" s="20">
        <v>69000</v>
      </c>
      <c r="G15" s="20"/>
      <c r="H15" s="20">
        <v>49600</v>
      </c>
      <c r="I15" s="20" t="s">
        <v>7</v>
      </c>
      <c r="J15" s="20" t="s">
        <v>6</v>
      </c>
      <c r="K15" s="20" t="s">
        <v>6</v>
      </c>
      <c r="L15" s="20" t="s">
        <v>6</v>
      </c>
      <c r="M15" s="20"/>
      <c r="N15" s="20">
        <v>69000</v>
      </c>
      <c r="O15" s="20" t="s">
        <v>7</v>
      </c>
      <c r="P15" s="20" t="s">
        <v>6</v>
      </c>
      <c r="Q15" s="20" t="s">
        <v>6</v>
      </c>
      <c r="R15" s="20">
        <v>68500</v>
      </c>
    </row>
    <row r="16" spans="1:18" x14ac:dyDescent="0.25">
      <c r="A16" s="17" t="s">
        <v>13</v>
      </c>
      <c r="B16" s="20">
        <v>43600</v>
      </c>
      <c r="C16" s="20">
        <v>40800</v>
      </c>
      <c r="D16" s="20">
        <v>34800</v>
      </c>
      <c r="E16" s="20">
        <v>94000</v>
      </c>
      <c r="F16" s="20">
        <v>111000</v>
      </c>
      <c r="G16" s="20"/>
      <c r="H16" s="20">
        <v>40000</v>
      </c>
      <c r="I16" s="20" t="s">
        <v>6</v>
      </c>
      <c r="J16" s="20">
        <v>55200</v>
      </c>
      <c r="K16" s="20" t="s">
        <v>6</v>
      </c>
      <c r="L16" s="20" t="s">
        <v>6</v>
      </c>
      <c r="M16" s="20"/>
      <c r="N16" s="20">
        <v>48000</v>
      </c>
      <c r="O16" s="20">
        <v>40800</v>
      </c>
      <c r="P16" s="20">
        <v>34800</v>
      </c>
      <c r="Q16" s="20" t="s">
        <v>6</v>
      </c>
      <c r="R16" s="20">
        <v>111000</v>
      </c>
    </row>
    <row r="17" spans="1:1022 1027:2048 2053:3068 3074:4094 4100:5120 5126:6140 6146:7166 7172:8192 8198:9212 9217:10238 10243:11264 11269:12284 12290:13310 13316:14336 14342:15356 15362:16382" x14ac:dyDescent="0.25">
      <c r="A17" s="17" t="s">
        <v>14</v>
      </c>
      <c r="B17" s="20">
        <v>79000</v>
      </c>
      <c r="C17" s="20" t="s">
        <v>7</v>
      </c>
      <c r="D17" s="20" t="s">
        <v>6</v>
      </c>
      <c r="E17" s="20" t="s">
        <v>6</v>
      </c>
      <c r="F17" s="20">
        <v>124000</v>
      </c>
      <c r="G17" s="20"/>
      <c r="H17" s="20" t="s">
        <v>6</v>
      </c>
      <c r="I17" s="20" t="s">
        <v>7</v>
      </c>
      <c r="J17" s="20" t="s">
        <v>7</v>
      </c>
      <c r="K17" s="20" t="s">
        <v>6</v>
      </c>
      <c r="L17" s="20" t="s">
        <v>6</v>
      </c>
      <c r="M17" s="20"/>
      <c r="N17" s="20" t="s">
        <v>6</v>
      </c>
      <c r="O17" s="20" t="s">
        <v>7</v>
      </c>
      <c r="P17" s="20" t="s">
        <v>6</v>
      </c>
      <c r="Q17" s="20" t="s">
        <v>7</v>
      </c>
      <c r="R17" s="20" t="s">
        <v>6</v>
      </c>
    </row>
    <row r="18" spans="1:1022 1027:2048 2053:3068 3074:4094 4100:5120 5126:6140 6146:7166 7172:8192 8198:9212 9217:10238 10243:11264 11269:12284 12290:13310 13316:14336 14342:15356 15362:16382" x14ac:dyDescent="0.25">
      <c r="A18" s="17" t="s">
        <v>15</v>
      </c>
      <c r="B18" s="20">
        <v>42800</v>
      </c>
      <c r="C18" s="20" t="s">
        <v>7</v>
      </c>
      <c r="D18" s="20" t="s">
        <v>6</v>
      </c>
      <c r="E18" s="20" t="s">
        <v>7</v>
      </c>
      <c r="F18" s="20">
        <v>56000</v>
      </c>
      <c r="G18" s="20"/>
      <c r="H18" s="20" t="s">
        <v>6</v>
      </c>
      <c r="I18" s="20" t="s">
        <v>7</v>
      </c>
      <c r="J18" s="20" t="s">
        <v>7</v>
      </c>
      <c r="K18" s="20" t="s">
        <v>7</v>
      </c>
      <c r="L18" s="20" t="s">
        <v>6</v>
      </c>
      <c r="M18" s="20"/>
      <c r="N18" s="20">
        <v>56000</v>
      </c>
      <c r="O18" s="20" t="s">
        <v>7</v>
      </c>
      <c r="P18" s="20" t="s">
        <v>7</v>
      </c>
      <c r="Q18" s="20" t="s">
        <v>7</v>
      </c>
      <c r="R18" s="20">
        <v>56000</v>
      </c>
    </row>
    <row r="19" spans="1:1022 1027:2048 2053:3068 3074:4094 4100:5120 5126:6140 6146:7166 7172:8192 8198:9212 9217:10238 10243:11264 11269:12284 12290:13310 13316:14336 14342:15356 15362:16382" x14ac:dyDescent="0.25">
      <c r="A19" s="17" t="s">
        <v>16</v>
      </c>
      <c r="B19" s="20">
        <v>39200</v>
      </c>
      <c r="C19" s="20" t="s">
        <v>7</v>
      </c>
      <c r="D19" s="20" t="s">
        <v>6</v>
      </c>
      <c r="E19" s="20" t="s">
        <v>6</v>
      </c>
      <c r="F19" s="20" t="s">
        <v>6</v>
      </c>
      <c r="G19" s="20"/>
      <c r="H19" s="20" t="s">
        <v>6</v>
      </c>
      <c r="I19" s="20" t="s">
        <v>7</v>
      </c>
      <c r="J19" s="20" t="s">
        <v>7</v>
      </c>
      <c r="K19" s="20" t="s">
        <v>6</v>
      </c>
      <c r="L19" s="20" t="s">
        <v>7</v>
      </c>
      <c r="M19" s="20"/>
      <c r="N19" s="20">
        <v>21000</v>
      </c>
      <c r="O19" s="20" t="s">
        <v>7</v>
      </c>
      <c r="P19" s="20" t="s">
        <v>6</v>
      </c>
      <c r="Q19" s="20" t="s">
        <v>6</v>
      </c>
      <c r="R19" s="20" t="s">
        <v>6</v>
      </c>
    </row>
    <row r="20" spans="1:1022 1027:2048 2053:3068 3074:4094 4100:5120 5126:6140 6146:7166 7172:8192 8198:9212 9217:10238 10243:11264 11269:12284 12290:13310 13316:14336 14342:15356 15362:16382" x14ac:dyDescent="0.25">
      <c r="A20" s="17" t="s">
        <v>17</v>
      </c>
      <c r="B20" s="20">
        <v>57200</v>
      </c>
      <c r="C20" s="20" t="s">
        <v>7</v>
      </c>
      <c r="D20" s="20" t="s">
        <v>7</v>
      </c>
      <c r="E20" s="20" t="s">
        <v>6</v>
      </c>
      <c r="F20" s="20" t="s">
        <v>6</v>
      </c>
      <c r="G20" s="20"/>
      <c r="H20" s="20" t="s">
        <v>6</v>
      </c>
      <c r="I20" s="20" t="s">
        <v>7</v>
      </c>
      <c r="J20" s="20" t="s">
        <v>7</v>
      </c>
      <c r="K20" s="20" t="s">
        <v>6</v>
      </c>
      <c r="L20" s="20" t="s">
        <v>6</v>
      </c>
      <c r="M20" s="20"/>
      <c r="N20" s="20" t="s">
        <v>6</v>
      </c>
      <c r="O20" s="20" t="s">
        <v>7</v>
      </c>
      <c r="P20" s="20" t="s">
        <v>7</v>
      </c>
      <c r="Q20" s="20" t="s">
        <v>7</v>
      </c>
      <c r="R20" s="20" t="s">
        <v>6</v>
      </c>
    </row>
    <row r="21" spans="1:1022 1027:2048 2053:3068 3074:4094 4100:5120 5126:6140 6146:7166 7172:8192 8198:9212 9217:10238 10243:11264 11269:12284 12290:13310 13316:14336 14342:15356 15362:16382" x14ac:dyDescent="0.25">
      <c r="A21" s="17" t="s">
        <v>18</v>
      </c>
      <c r="B21" s="20">
        <v>47200</v>
      </c>
      <c r="C21" s="20" t="s">
        <v>6</v>
      </c>
      <c r="D21" s="20" t="s">
        <v>6</v>
      </c>
      <c r="E21" s="20">
        <v>43200</v>
      </c>
      <c r="F21" s="20">
        <v>80000</v>
      </c>
      <c r="G21" s="20"/>
      <c r="H21" s="20">
        <v>66000</v>
      </c>
      <c r="I21" s="20" t="s">
        <v>7</v>
      </c>
      <c r="J21" s="20" t="s">
        <v>6</v>
      </c>
      <c r="K21" s="20" t="s">
        <v>6</v>
      </c>
      <c r="L21" s="20" t="s">
        <v>6</v>
      </c>
      <c r="M21" s="20"/>
      <c r="N21" s="20">
        <v>43200</v>
      </c>
      <c r="O21" s="20" t="s">
        <v>7</v>
      </c>
      <c r="P21" s="20" t="s">
        <v>6</v>
      </c>
      <c r="Q21" s="20" t="s">
        <v>6</v>
      </c>
      <c r="R21" s="20">
        <v>65500</v>
      </c>
    </row>
    <row r="22" spans="1:1022 1027:2048 2053:3068 3074:4094 4100:5120 5126:6140 6146:7166 7172:8192 8198:9212 9217:10238 10243:11264 11269:12284 12290:13310 13316:14336 14342:15356 15362:16382" s="15" customFormat="1" x14ac:dyDescent="0.25">
      <c r="A22" s="18" t="s">
        <v>19</v>
      </c>
      <c r="B22" s="21">
        <v>61600</v>
      </c>
      <c r="C22" s="19">
        <v>17000</v>
      </c>
      <c r="D22" s="19">
        <v>46400</v>
      </c>
      <c r="E22" s="19">
        <v>76000</v>
      </c>
      <c r="F22" s="19">
        <v>107000</v>
      </c>
      <c r="G22" s="19"/>
      <c r="H22" s="21">
        <v>64500</v>
      </c>
      <c r="I22" s="19">
        <v>20400</v>
      </c>
      <c r="J22" s="19">
        <v>50400</v>
      </c>
      <c r="K22" s="19">
        <v>87000</v>
      </c>
      <c r="L22" s="19">
        <v>113000</v>
      </c>
      <c r="M22" s="19"/>
      <c r="N22" s="21">
        <v>58800</v>
      </c>
      <c r="O22" s="19">
        <v>13300</v>
      </c>
      <c r="P22" s="19">
        <v>40000</v>
      </c>
      <c r="Q22" s="19">
        <v>67500</v>
      </c>
      <c r="R22" s="19">
        <v>105000</v>
      </c>
      <c r="S22" s="13"/>
      <c r="T22" s="14"/>
      <c r="Z22" s="14"/>
      <c r="AF22" s="14"/>
      <c r="AK22" s="13"/>
      <c r="AL22" s="14"/>
      <c r="AR22" s="14"/>
      <c r="AX22" s="14"/>
      <c r="BC22" s="13"/>
      <c r="BD22" s="14"/>
      <c r="BJ22" s="14"/>
      <c r="BP22" s="14"/>
      <c r="BU22" s="13"/>
      <c r="BV22" s="14"/>
      <c r="CB22" s="14"/>
      <c r="CH22" s="14"/>
      <c r="CM22" s="13"/>
      <c r="CN22" s="14"/>
      <c r="CT22" s="14"/>
      <c r="CZ22" s="14"/>
      <c r="DE22" s="13"/>
      <c r="DF22" s="14"/>
      <c r="DL22" s="14"/>
      <c r="DR22" s="14"/>
      <c r="DW22" s="13"/>
      <c r="DX22" s="14"/>
      <c r="ED22" s="14"/>
      <c r="EJ22" s="14"/>
      <c r="EO22" s="13"/>
      <c r="EP22" s="14"/>
      <c r="EV22" s="14"/>
      <c r="FB22" s="14"/>
      <c r="FG22" s="13"/>
      <c r="FH22" s="14"/>
      <c r="FN22" s="14"/>
      <c r="FT22" s="14"/>
      <c r="FY22" s="13"/>
      <c r="FZ22" s="14"/>
      <c r="GF22" s="14"/>
      <c r="GL22" s="14"/>
      <c r="GQ22" s="13"/>
      <c r="GR22" s="14"/>
      <c r="GX22" s="14"/>
      <c r="HD22" s="14"/>
      <c r="HI22" s="13"/>
      <c r="HJ22" s="14"/>
      <c r="HP22" s="14"/>
      <c r="HV22" s="14"/>
      <c r="IA22" s="13"/>
      <c r="IB22" s="14"/>
      <c r="IH22" s="14"/>
      <c r="IN22" s="14"/>
      <c r="IS22" s="13"/>
      <c r="IT22" s="14"/>
      <c r="IZ22" s="14"/>
      <c r="JF22" s="14"/>
      <c r="JK22" s="13"/>
      <c r="JL22" s="14"/>
      <c r="JR22" s="14"/>
      <c r="JX22" s="14"/>
      <c r="KC22" s="13"/>
      <c r="KD22" s="14"/>
      <c r="KJ22" s="14"/>
      <c r="KP22" s="14"/>
      <c r="KU22" s="13"/>
      <c r="KV22" s="14"/>
      <c r="LB22" s="14"/>
      <c r="LH22" s="14"/>
      <c r="LM22" s="13"/>
      <c r="LN22" s="14"/>
      <c r="LT22" s="14"/>
      <c r="LZ22" s="14"/>
      <c r="ME22" s="13"/>
      <c r="MF22" s="14"/>
      <c r="ML22" s="14"/>
      <c r="MR22" s="14"/>
      <c r="MW22" s="13"/>
      <c r="MX22" s="14"/>
      <c r="ND22" s="14"/>
      <c r="NJ22" s="14"/>
      <c r="NO22" s="13"/>
      <c r="NP22" s="14"/>
      <c r="NV22" s="14"/>
      <c r="OB22" s="14"/>
      <c r="OG22" s="13"/>
      <c r="OH22" s="14"/>
      <c r="ON22" s="14"/>
      <c r="OT22" s="14"/>
      <c r="OY22" s="13"/>
      <c r="OZ22" s="14"/>
      <c r="PF22" s="14"/>
      <c r="PL22" s="14"/>
      <c r="PQ22" s="13"/>
      <c r="PR22" s="14"/>
      <c r="PX22" s="14"/>
      <c r="QD22" s="14"/>
      <c r="QI22" s="13"/>
      <c r="QJ22" s="14"/>
      <c r="QP22" s="14"/>
      <c r="QV22" s="14"/>
      <c r="RA22" s="13"/>
      <c r="RB22" s="14"/>
      <c r="RH22" s="14"/>
      <c r="RN22" s="14"/>
      <c r="RS22" s="13"/>
      <c r="RT22" s="14"/>
      <c r="RZ22" s="14"/>
      <c r="SF22" s="14"/>
      <c r="SK22" s="13"/>
      <c r="SL22" s="14"/>
      <c r="SR22" s="14"/>
      <c r="SX22" s="14"/>
      <c r="TC22" s="13"/>
      <c r="TD22" s="14"/>
      <c r="TJ22" s="14"/>
      <c r="TP22" s="14"/>
      <c r="TU22" s="13"/>
      <c r="TV22" s="14"/>
      <c r="UB22" s="14"/>
      <c r="UH22" s="14"/>
      <c r="UM22" s="13"/>
      <c r="UN22" s="14"/>
      <c r="UT22" s="14"/>
      <c r="UZ22" s="14"/>
      <c r="VE22" s="13"/>
      <c r="VF22" s="14"/>
      <c r="VL22" s="14"/>
      <c r="VR22" s="14"/>
      <c r="VW22" s="13"/>
      <c r="VX22" s="14"/>
      <c r="WD22" s="14"/>
      <c r="WJ22" s="14"/>
      <c r="WO22" s="13"/>
      <c r="WP22" s="14"/>
      <c r="WV22" s="14"/>
      <c r="XB22" s="14"/>
      <c r="XG22" s="13"/>
      <c r="XH22" s="14"/>
      <c r="XN22" s="14"/>
      <c r="XT22" s="14"/>
      <c r="XY22" s="13"/>
      <c r="XZ22" s="14"/>
      <c r="YF22" s="14"/>
      <c r="YL22" s="14"/>
      <c r="YQ22" s="13"/>
      <c r="YR22" s="14"/>
      <c r="YX22" s="14"/>
      <c r="ZD22" s="14"/>
      <c r="ZI22" s="13"/>
      <c r="ZJ22" s="14"/>
      <c r="ZP22" s="14"/>
      <c r="ZV22" s="14"/>
      <c r="AAA22" s="13"/>
      <c r="AAB22" s="14"/>
      <c r="AAH22" s="14"/>
      <c r="AAN22" s="14"/>
      <c r="AAS22" s="13"/>
      <c r="AAT22" s="14"/>
      <c r="AAZ22" s="14"/>
      <c r="ABF22" s="14"/>
      <c r="ABK22" s="13"/>
      <c r="ABL22" s="14"/>
      <c r="ABR22" s="14"/>
      <c r="ABX22" s="14"/>
      <c r="ACC22" s="13"/>
      <c r="ACD22" s="14"/>
      <c r="ACJ22" s="14"/>
      <c r="ACP22" s="14"/>
      <c r="ACU22" s="13"/>
      <c r="ACV22" s="14"/>
      <c r="ADB22" s="14"/>
      <c r="ADH22" s="14"/>
      <c r="ADM22" s="13"/>
      <c r="ADN22" s="14"/>
      <c r="ADT22" s="14"/>
      <c r="ADZ22" s="14"/>
      <c r="AEE22" s="13"/>
      <c r="AEF22" s="14"/>
      <c r="AEL22" s="14"/>
      <c r="AER22" s="14"/>
      <c r="AEW22" s="13"/>
      <c r="AEX22" s="14"/>
      <c r="AFD22" s="14"/>
      <c r="AFJ22" s="14"/>
      <c r="AFO22" s="13"/>
      <c r="AFP22" s="14"/>
      <c r="AFV22" s="14"/>
      <c r="AGB22" s="14"/>
      <c r="AGG22" s="13"/>
      <c r="AGH22" s="14"/>
      <c r="AGN22" s="14"/>
      <c r="AGT22" s="14"/>
      <c r="AGY22" s="13"/>
      <c r="AGZ22" s="14"/>
      <c r="AHF22" s="14"/>
      <c r="AHL22" s="14"/>
      <c r="AHQ22" s="13"/>
      <c r="AHR22" s="14"/>
      <c r="AHX22" s="14"/>
      <c r="AID22" s="14"/>
      <c r="AII22" s="13"/>
      <c r="AIJ22" s="14"/>
      <c r="AIP22" s="14"/>
      <c r="AIV22" s="14"/>
      <c r="AJA22" s="13"/>
      <c r="AJB22" s="14"/>
      <c r="AJH22" s="14"/>
      <c r="AJN22" s="14"/>
      <c r="AJS22" s="13"/>
      <c r="AJT22" s="14"/>
      <c r="AJZ22" s="14"/>
      <c r="AKF22" s="14"/>
      <c r="AKK22" s="13"/>
      <c r="AKL22" s="14"/>
      <c r="AKR22" s="14"/>
      <c r="AKX22" s="14"/>
      <c r="ALC22" s="13"/>
      <c r="ALD22" s="14"/>
      <c r="ALJ22" s="14"/>
      <c r="ALP22" s="14"/>
      <c r="ALU22" s="13"/>
      <c r="ALV22" s="14"/>
      <c r="AMB22" s="14"/>
      <c r="AMH22" s="14"/>
      <c r="AMM22" s="13"/>
      <c r="AMN22" s="14"/>
      <c r="AMT22" s="14"/>
      <c r="AMZ22" s="14"/>
      <c r="ANE22" s="13"/>
      <c r="ANF22" s="14"/>
      <c r="ANL22" s="14"/>
      <c r="ANR22" s="14"/>
      <c r="ANW22" s="13"/>
      <c r="ANX22" s="14"/>
      <c r="AOD22" s="14"/>
      <c r="AOJ22" s="14"/>
      <c r="AOO22" s="13"/>
      <c r="AOP22" s="14"/>
      <c r="AOV22" s="14"/>
      <c r="APB22" s="14"/>
      <c r="APG22" s="13"/>
      <c r="APH22" s="14"/>
      <c r="APN22" s="14"/>
      <c r="APT22" s="14"/>
      <c r="APY22" s="13"/>
      <c r="APZ22" s="14"/>
      <c r="AQF22" s="14"/>
      <c r="AQL22" s="14"/>
      <c r="AQQ22" s="13"/>
      <c r="AQR22" s="14"/>
      <c r="AQX22" s="14"/>
      <c r="ARD22" s="14"/>
      <c r="ARI22" s="13"/>
      <c r="ARJ22" s="14"/>
      <c r="ARP22" s="14"/>
      <c r="ARV22" s="14"/>
      <c r="ASA22" s="13"/>
      <c r="ASB22" s="14"/>
      <c r="ASH22" s="14"/>
      <c r="ASN22" s="14"/>
      <c r="ASS22" s="13"/>
      <c r="AST22" s="14"/>
      <c r="ASZ22" s="14"/>
      <c r="ATF22" s="14"/>
      <c r="ATK22" s="13"/>
      <c r="ATL22" s="14"/>
      <c r="ATR22" s="14"/>
      <c r="ATX22" s="14"/>
      <c r="AUC22" s="13"/>
      <c r="AUD22" s="14"/>
      <c r="AUJ22" s="14"/>
      <c r="AUP22" s="14"/>
      <c r="AUU22" s="13"/>
      <c r="AUV22" s="14"/>
      <c r="AVB22" s="14"/>
      <c r="AVH22" s="14"/>
      <c r="AVM22" s="13"/>
      <c r="AVN22" s="14"/>
      <c r="AVT22" s="14"/>
      <c r="AVZ22" s="14"/>
      <c r="AWE22" s="13"/>
      <c r="AWF22" s="14"/>
      <c r="AWL22" s="14"/>
      <c r="AWR22" s="14"/>
      <c r="AWW22" s="13"/>
      <c r="AWX22" s="14"/>
      <c r="AXD22" s="14"/>
      <c r="AXJ22" s="14"/>
      <c r="AXO22" s="13"/>
      <c r="AXP22" s="14"/>
      <c r="AXV22" s="14"/>
      <c r="AYB22" s="14"/>
      <c r="AYG22" s="13"/>
      <c r="AYH22" s="14"/>
      <c r="AYN22" s="14"/>
      <c r="AYT22" s="14"/>
      <c r="AYY22" s="13"/>
      <c r="AYZ22" s="14"/>
      <c r="AZF22" s="14"/>
      <c r="AZL22" s="14"/>
      <c r="AZQ22" s="13"/>
      <c r="AZR22" s="14"/>
      <c r="AZX22" s="14"/>
      <c r="BAD22" s="14"/>
      <c r="BAI22" s="13"/>
      <c r="BAJ22" s="14"/>
      <c r="BAP22" s="14"/>
      <c r="BAV22" s="14"/>
      <c r="BBA22" s="13"/>
      <c r="BBB22" s="14"/>
      <c r="BBH22" s="14"/>
      <c r="BBN22" s="14"/>
      <c r="BBS22" s="13"/>
      <c r="BBT22" s="14"/>
      <c r="BBZ22" s="14"/>
      <c r="BCF22" s="14"/>
      <c r="BCK22" s="13"/>
      <c r="BCL22" s="14"/>
      <c r="BCR22" s="14"/>
      <c r="BCX22" s="14"/>
      <c r="BDC22" s="13"/>
      <c r="BDD22" s="14"/>
      <c r="BDJ22" s="14"/>
      <c r="BDP22" s="14"/>
      <c r="BDU22" s="13"/>
      <c r="BDV22" s="14"/>
      <c r="BEB22" s="14"/>
      <c r="BEH22" s="14"/>
      <c r="BEM22" s="13"/>
      <c r="BEN22" s="14"/>
      <c r="BET22" s="14"/>
      <c r="BEZ22" s="14"/>
      <c r="BFE22" s="13"/>
      <c r="BFF22" s="14"/>
      <c r="BFL22" s="14"/>
      <c r="BFR22" s="14"/>
      <c r="BFW22" s="13"/>
      <c r="BFX22" s="14"/>
      <c r="BGD22" s="14"/>
      <c r="BGJ22" s="14"/>
      <c r="BGO22" s="13"/>
      <c r="BGP22" s="14"/>
      <c r="BGV22" s="14"/>
      <c r="BHB22" s="14"/>
      <c r="BHG22" s="13"/>
      <c r="BHH22" s="14"/>
      <c r="BHN22" s="14"/>
      <c r="BHT22" s="14"/>
      <c r="BHY22" s="13"/>
      <c r="BHZ22" s="14"/>
      <c r="BIF22" s="14"/>
      <c r="BIL22" s="14"/>
      <c r="BIQ22" s="13"/>
      <c r="BIR22" s="14"/>
      <c r="BIX22" s="14"/>
      <c r="BJD22" s="14"/>
      <c r="BJI22" s="13"/>
      <c r="BJJ22" s="14"/>
      <c r="BJP22" s="14"/>
      <c r="BJV22" s="14"/>
      <c r="BKA22" s="13"/>
      <c r="BKB22" s="14"/>
      <c r="BKH22" s="14"/>
      <c r="BKN22" s="14"/>
      <c r="BKS22" s="13"/>
      <c r="BKT22" s="14"/>
      <c r="BKZ22" s="14"/>
      <c r="BLF22" s="14"/>
      <c r="BLK22" s="13"/>
      <c r="BLL22" s="14"/>
      <c r="BLR22" s="14"/>
      <c r="BLX22" s="14"/>
      <c r="BMC22" s="13"/>
      <c r="BMD22" s="14"/>
      <c r="BMJ22" s="14"/>
      <c r="BMP22" s="14"/>
      <c r="BMU22" s="13"/>
      <c r="BMV22" s="14"/>
      <c r="BNB22" s="14"/>
      <c r="BNH22" s="14"/>
      <c r="BNM22" s="13"/>
      <c r="BNN22" s="14"/>
      <c r="BNT22" s="14"/>
      <c r="BNZ22" s="14"/>
      <c r="BOE22" s="13"/>
      <c r="BOF22" s="14"/>
      <c r="BOL22" s="14"/>
      <c r="BOR22" s="14"/>
      <c r="BOW22" s="13"/>
      <c r="BOX22" s="14"/>
      <c r="BPD22" s="14"/>
      <c r="BPJ22" s="14"/>
      <c r="BPO22" s="13"/>
      <c r="BPP22" s="14"/>
      <c r="BPV22" s="14"/>
      <c r="BQB22" s="14"/>
      <c r="BQG22" s="13"/>
      <c r="BQH22" s="14"/>
      <c r="BQN22" s="14"/>
      <c r="BQT22" s="14"/>
      <c r="BQY22" s="13"/>
      <c r="BQZ22" s="14"/>
      <c r="BRF22" s="14"/>
      <c r="BRL22" s="14"/>
      <c r="BRQ22" s="13"/>
      <c r="BRR22" s="14"/>
      <c r="BRX22" s="14"/>
      <c r="BSD22" s="14"/>
      <c r="BSI22" s="13"/>
      <c r="BSJ22" s="14"/>
      <c r="BSP22" s="14"/>
      <c r="BSV22" s="14"/>
      <c r="BTA22" s="13"/>
      <c r="BTB22" s="14"/>
      <c r="BTH22" s="14"/>
      <c r="BTN22" s="14"/>
      <c r="BTS22" s="13"/>
      <c r="BTT22" s="14"/>
      <c r="BTZ22" s="14"/>
      <c r="BUF22" s="14"/>
      <c r="BUK22" s="13"/>
      <c r="BUL22" s="14"/>
      <c r="BUR22" s="14"/>
      <c r="BUX22" s="14"/>
      <c r="BVC22" s="13"/>
      <c r="BVD22" s="14"/>
      <c r="BVJ22" s="14"/>
      <c r="BVP22" s="14"/>
      <c r="BVU22" s="13"/>
      <c r="BVV22" s="14"/>
      <c r="BWB22" s="14"/>
      <c r="BWH22" s="14"/>
      <c r="BWM22" s="13"/>
      <c r="BWN22" s="14"/>
      <c r="BWT22" s="14"/>
      <c r="BWZ22" s="14"/>
      <c r="BXE22" s="13"/>
      <c r="BXF22" s="14"/>
      <c r="BXL22" s="14"/>
      <c r="BXR22" s="14"/>
      <c r="BXW22" s="13"/>
      <c r="BXX22" s="14"/>
      <c r="BYD22" s="14"/>
      <c r="BYJ22" s="14"/>
      <c r="BYO22" s="13"/>
      <c r="BYP22" s="14"/>
      <c r="BYV22" s="14"/>
      <c r="BZB22" s="14"/>
      <c r="BZG22" s="13"/>
      <c r="BZH22" s="14"/>
      <c r="BZN22" s="14"/>
      <c r="BZT22" s="14"/>
      <c r="BZY22" s="13"/>
      <c r="BZZ22" s="14"/>
      <c r="CAF22" s="14"/>
      <c r="CAL22" s="14"/>
      <c r="CAQ22" s="13"/>
      <c r="CAR22" s="14"/>
      <c r="CAX22" s="14"/>
      <c r="CBD22" s="14"/>
      <c r="CBI22" s="13"/>
      <c r="CBJ22" s="14"/>
      <c r="CBP22" s="14"/>
      <c r="CBV22" s="14"/>
      <c r="CCA22" s="13"/>
      <c r="CCB22" s="14"/>
      <c r="CCH22" s="14"/>
      <c r="CCN22" s="14"/>
      <c r="CCS22" s="13"/>
      <c r="CCT22" s="14"/>
      <c r="CCZ22" s="14"/>
      <c r="CDF22" s="14"/>
      <c r="CDK22" s="13"/>
      <c r="CDL22" s="14"/>
      <c r="CDR22" s="14"/>
      <c r="CDX22" s="14"/>
      <c r="CEC22" s="13"/>
      <c r="CED22" s="14"/>
      <c r="CEJ22" s="14"/>
      <c r="CEP22" s="14"/>
      <c r="CEU22" s="13"/>
      <c r="CEV22" s="14"/>
      <c r="CFB22" s="14"/>
      <c r="CFH22" s="14"/>
      <c r="CFM22" s="13"/>
      <c r="CFN22" s="14"/>
      <c r="CFT22" s="14"/>
      <c r="CFZ22" s="14"/>
      <c r="CGE22" s="13"/>
      <c r="CGF22" s="14"/>
      <c r="CGL22" s="14"/>
      <c r="CGR22" s="14"/>
      <c r="CGW22" s="13"/>
      <c r="CGX22" s="14"/>
      <c r="CHD22" s="14"/>
      <c r="CHJ22" s="14"/>
      <c r="CHO22" s="13"/>
      <c r="CHP22" s="14"/>
      <c r="CHV22" s="14"/>
      <c r="CIB22" s="14"/>
      <c r="CIG22" s="13"/>
      <c r="CIH22" s="14"/>
      <c r="CIN22" s="14"/>
      <c r="CIT22" s="14"/>
      <c r="CIY22" s="13"/>
      <c r="CIZ22" s="14"/>
      <c r="CJF22" s="14"/>
      <c r="CJL22" s="14"/>
      <c r="CJQ22" s="13"/>
      <c r="CJR22" s="14"/>
      <c r="CJX22" s="14"/>
      <c r="CKD22" s="14"/>
      <c r="CKI22" s="13"/>
      <c r="CKJ22" s="14"/>
      <c r="CKP22" s="14"/>
      <c r="CKV22" s="14"/>
      <c r="CLA22" s="13"/>
      <c r="CLB22" s="14"/>
      <c r="CLH22" s="14"/>
      <c r="CLN22" s="14"/>
      <c r="CLS22" s="13"/>
      <c r="CLT22" s="14"/>
      <c r="CLZ22" s="14"/>
      <c r="CMF22" s="14"/>
      <c r="CMK22" s="13"/>
      <c r="CML22" s="14"/>
      <c r="CMR22" s="14"/>
      <c r="CMX22" s="14"/>
      <c r="CNC22" s="13"/>
      <c r="CND22" s="14"/>
      <c r="CNJ22" s="14"/>
      <c r="CNP22" s="14"/>
      <c r="CNU22" s="13"/>
      <c r="CNV22" s="14"/>
      <c r="COB22" s="14"/>
      <c r="COH22" s="14"/>
      <c r="COM22" s="13"/>
      <c r="CON22" s="14"/>
      <c r="COT22" s="14"/>
      <c r="COZ22" s="14"/>
      <c r="CPE22" s="13"/>
      <c r="CPF22" s="14"/>
      <c r="CPL22" s="14"/>
      <c r="CPR22" s="14"/>
      <c r="CPW22" s="13"/>
      <c r="CPX22" s="14"/>
      <c r="CQD22" s="14"/>
      <c r="CQJ22" s="14"/>
      <c r="CQO22" s="13"/>
      <c r="CQP22" s="14"/>
      <c r="CQV22" s="14"/>
      <c r="CRB22" s="14"/>
      <c r="CRG22" s="13"/>
      <c r="CRH22" s="14"/>
      <c r="CRN22" s="14"/>
      <c r="CRT22" s="14"/>
      <c r="CRY22" s="13"/>
      <c r="CRZ22" s="14"/>
      <c r="CSF22" s="14"/>
      <c r="CSL22" s="14"/>
      <c r="CSQ22" s="13"/>
      <c r="CSR22" s="14"/>
      <c r="CSX22" s="14"/>
      <c r="CTD22" s="14"/>
      <c r="CTI22" s="13"/>
      <c r="CTJ22" s="14"/>
      <c r="CTP22" s="14"/>
      <c r="CTV22" s="14"/>
      <c r="CUA22" s="13"/>
      <c r="CUB22" s="14"/>
      <c r="CUH22" s="14"/>
      <c r="CUN22" s="14"/>
      <c r="CUS22" s="13"/>
      <c r="CUT22" s="14"/>
      <c r="CUZ22" s="14"/>
      <c r="CVF22" s="14"/>
      <c r="CVK22" s="13"/>
      <c r="CVL22" s="14"/>
      <c r="CVR22" s="14"/>
      <c r="CVX22" s="14"/>
      <c r="CWC22" s="13"/>
      <c r="CWD22" s="14"/>
      <c r="CWJ22" s="14"/>
      <c r="CWP22" s="14"/>
      <c r="CWU22" s="13"/>
      <c r="CWV22" s="14"/>
      <c r="CXB22" s="14"/>
      <c r="CXH22" s="14"/>
      <c r="CXM22" s="13"/>
      <c r="CXN22" s="14"/>
      <c r="CXT22" s="14"/>
      <c r="CXZ22" s="14"/>
      <c r="CYE22" s="13"/>
      <c r="CYF22" s="14"/>
      <c r="CYL22" s="14"/>
      <c r="CYR22" s="14"/>
      <c r="CYW22" s="13"/>
      <c r="CYX22" s="14"/>
      <c r="CZD22" s="14"/>
      <c r="CZJ22" s="14"/>
      <c r="CZO22" s="13"/>
      <c r="CZP22" s="14"/>
      <c r="CZV22" s="14"/>
      <c r="DAB22" s="14"/>
      <c r="DAG22" s="13"/>
      <c r="DAH22" s="14"/>
      <c r="DAN22" s="14"/>
      <c r="DAT22" s="14"/>
      <c r="DAY22" s="13"/>
      <c r="DAZ22" s="14"/>
      <c r="DBF22" s="14"/>
      <c r="DBL22" s="14"/>
      <c r="DBQ22" s="13"/>
      <c r="DBR22" s="14"/>
      <c r="DBX22" s="14"/>
      <c r="DCD22" s="14"/>
      <c r="DCI22" s="13"/>
      <c r="DCJ22" s="14"/>
      <c r="DCP22" s="14"/>
      <c r="DCV22" s="14"/>
      <c r="DDA22" s="13"/>
      <c r="DDB22" s="14"/>
      <c r="DDH22" s="14"/>
      <c r="DDN22" s="14"/>
      <c r="DDS22" s="13"/>
      <c r="DDT22" s="14"/>
      <c r="DDZ22" s="14"/>
      <c r="DEF22" s="14"/>
      <c r="DEK22" s="13"/>
      <c r="DEL22" s="14"/>
      <c r="DER22" s="14"/>
      <c r="DEX22" s="14"/>
      <c r="DFC22" s="13"/>
      <c r="DFD22" s="14"/>
      <c r="DFJ22" s="14"/>
      <c r="DFP22" s="14"/>
      <c r="DFU22" s="13"/>
      <c r="DFV22" s="14"/>
      <c r="DGB22" s="14"/>
      <c r="DGH22" s="14"/>
      <c r="DGM22" s="13"/>
      <c r="DGN22" s="14"/>
      <c r="DGT22" s="14"/>
      <c r="DGZ22" s="14"/>
      <c r="DHE22" s="13"/>
      <c r="DHF22" s="14"/>
      <c r="DHL22" s="14"/>
      <c r="DHR22" s="14"/>
      <c r="DHW22" s="13"/>
      <c r="DHX22" s="14"/>
      <c r="DID22" s="14"/>
      <c r="DIJ22" s="14"/>
      <c r="DIO22" s="13"/>
      <c r="DIP22" s="14"/>
      <c r="DIV22" s="14"/>
      <c r="DJB22" s="14"/>
      <c r="DJG22" s="13"/>
      <c r="DJH22" s="14"/>
      <c r="DJN22" s="14"/>
      <c r="DJT22" s="14"/>
      <c r="DJY22" s="13"/>
      <c r="DJZ22" s="14"/>
      <c r="DKF22" s="14"/>
      <c r="DKL22" s="14"/>
      <c r="DKQ22" s="13"/>
      <c r="DKR22" s="14"/>
      <c r="DKX22" s="14"/>
      <c r="DLD22" s="14"/>
      <c r="DLI22" s="13"/>
      <c r="DLJ22" s="14"/>
      <c r="DLP22" s="14"/>
      <c r="DLV22" s="14"/>
      <c r="DMA22" s="13"/>
      <c r="DMB22" s="14"/>
      <c r="DMH22" s="14"/>
      <c r="DMN22" s="14"/>
      <c r="DMS22" s="13"/>
      <c r="DMT22" s="14"/>
      <c r="DMZ22" s="14"/>
      <c r="DNF22" s="14"/>
      <c r="DNK22" s="13"/>
      <c r="DNL22" s="14"/>
      <c r="DNR22" s="14"/>
      <c r="DNX22" s="14"/>
      <c r="DOC22" s="13"/>
      <c r="DOD22" s="14"/>
      <c r="DOJ22" s="14"/>
      <c r="DOP22" s="14"/>
      <c r="DOU22" s="13"/>
      <c r="DOV22" s="14"/>
      <c r="DPB22" s="14"/>
      <c r="DPH22" s="14"/>
      <c r="DPM22" s="13"/>
      <c r="DPN22" s="14"/>
      <c r="DPT22" s="14"/>
      <c r="DPZ22" s="14"/>
      <c r="DQE22" s="13"/>
      <c r="DQF22" s="14"/>
      <c r="DQL22" s="14"/>
      <c r="DQR22" s="14"/>
      <c r="DQW22" s="13"/>
      <c r="DQX22" s="14"/>
      <c r="DRD22" s="14"/>
      <c r="DRJ22" s="14"/>
      <c r="DRO22" s="13"/>
      <c r="DRP22" s="14"/>
      <c r="DRV22" s="14"/>
      <c r="DSB22" s="14"/>
      <c r="DSG22" s="13"/>
      <c r="DSH22" s="14"/>
      <c r="DSN22" s="14"/>
      <c r="DST22" s="14"/>
      <c r="DSY22" s="13"/>
      <c r="DSZ22" s="14"/>
      <c r="DTF22" s="14"/>
      <c r="DTL22" s="14"/>
      <c r="DTQ22" s="13"/>
      <c r="DTR22" s="14"/>
      <c r="DTX22" s="14"/>
      <c r="DUD22" s="14"/>
      <c r="DUI22" s="13"/>
      <c r="DUJ22" s="14"/>
      <c r="DUP22" s="14"/>
      <c r="DUV22" s="14"/>
      <c r="DVA22" s="13"/>
      <c r="DVB22" s="14"/>
      <c r="DVH22" s="14"/>
      <c r="DVN22" s="14"/>
      <c r="DVS22" s="13"/>
      <c r="DVT22" s="14"/>
      <c r="DVZ22" s="14"/>
      <c r="DWF22" s="14"/>
      <c r="DWK22" s="13"/>
      <c r="DWL22" s="14"/>
      <c r="DWR22" s="14"/>
      <c r="DWX22" s="14"/>
      <c r="DXC22" s="13"/>
      <c r="DXD22" s="14"/>
      <c r="DXJ22" s="14"/>
      <c r="DXP22" s="14"/>
      <c r="DXU22" s="13"/>
      <c r="DXV22" s="14"/>
      <c r="DYB22" s="14"/>
      <c r="DYH22" s="14"/>
      <c r="DYM22" s="13"/>
      <c r="DYN22" s="14"/>
      <c r="DYT22" s="14"/>
      <c r="DYZ22" s="14"/>
      <c r="DZE22" s="13"/>
      <c r="DZF22" s="14"/>
      <c r="DZL22" s="14"/>
      <c r="DZR22" s="14"/>
      <c r="DZW22" s="13"/>
      <c r="DZX22" s="14"/>
      <c r="EAD22" s="14"/>
      <c r="EAJ22" s="14"/>
      <c r="EAO22" s="13"/>
      <c r="EAP22" s="14"/>
      <c r="EAV22" s="14"/>
      <c r="EBB22" s="14"/>
      <c r="EBG22" s="13"/>
      <c r="EBH22" s="14"/>
      <c r="EBN22" s="14"/>
      <c r="EBT22" s="14"/>
      <c r="EBY22" s="13"/>
      <c r="EBZ22" s="14"/>
      <c r="ECF22" s="14"/>
      <c r="ECL22" s="14"/>
      <c r="ECQ22" s="13"/>
      <c r="ECR22" s="14"/>
      <c r="ECX22" s="14"/>
      <c r="EDD22" s="14"/>
      <c r="EDI22" s="13"/>
      <c r="EDJ22" s="14"/>
      <c r="EDP22" s="14"/>
      <c r="EDV22" s="14"/>
      <c r="EEA22" s="13"/>
      <c r="EEB22" s="14"/>
      <c r="EEH22" s="14"/>
      <c r="EEN22" s="14"/>
      <c r="EES22" s="13"/>
      <c r="EET22" s="14"/>
      <c r="EEZ22" s="14"/>
      <c r="EFF22" s="14"/>
      <c r="EFK22" s="13"/>
      <c r="EFL22" s="14"/>
      <c r="EFR22" s="14"/>
      <c r="EFX22" s="14"/>
      <c r="EGC22" s="13"/>
      <c r="EGD22" s="14"/>
      <c r="EGJ22" s="14"/>
      <c r="EGP22" s="14"/>
      <c r="EGU22" s="13"/>
      <c r="EGV22" s="14"/>
      <c r="EHB22" s="14"/>
      <c r="EHH22" s="14"/>
      <c r="EHM22" s="13"/>
      <c r="EHN22" s="14"/>
      <c r="EHT22" s="14"/>
      <c r="EHZ22" s="14"/>
      <c r="EIE22" s="13"/>
      <c r="EIF22" s="14"/>
      <c r="EIL22" s="14"/>
      <c r="EIR22" s="14"/>
      <c r="EIW22" s="13"/>
      <c r="EIX22" s="14"/>
      <c r="EJD22" s="14"/>
      <c r="EJJ22" s="14"/>
      <c r="EJO22" s="13"/>
      <c r="EJP22" s="14"/>
      <c r="EJV22" s="14"/>
      <c r="EKB22" s="14"/>
      <c r="EKG22" s="13"/>
      <c r="EKH22" s="14"/>
      <c r="EKN22" s="14"/>
      <c r="EKT22" s="14"/>
      <c r="EKY22" s="13"/>
      <c r="EKZ22" s="14"/>
      <c r="ELF22" s="14"/>
      <c r="ELL22" s="14"/>
      <c r="ELQ22" s="13"/>
      <c r="ELR22" s="14"/>
      <c r="ELX22" s="14"/>
      <c r="EMD22" s="14"/>
      <c r="EMI22" s="13"/>
      <c r="EMJ22" s="14"/>
      <c r="EMP22" s="14"/>
      <c r="EMV22" s="14"/>
      <c r="ENA22" s="13"/>
      <c r="ENB22" s="14"/>
      <c r="ENH22" s="14"/>
      <c r="ENN22" s="14"/>
      <c r="ENS22" s="13"/>
      <c r="ENT22" s="14"/>
      <c r="ENZ22" s="14"/>
      <c r="EOF22" s="14"/>
      <c r="EOK22" s="13"/>
      <c r="EOL22" s="14"/>
      <c r="EOR22" s="14"/>
      <c r="EOX22" s="14"/>
      <c r="EPC22" s="13"/>
      <c r="EPD22" s="14"/>
      <c r="EPJ22" s="14"/>
      <c r="EPP22" s="14"/>
      <c r="EPU22" s="13"/>
      <c r="EPV22" s="14"/>
      <c r="EQB22" s="14"/>
      <c r="EQH22" s="14"/>
      <c r="EQM22" s="13"/>
      <c r="EQN22" s="14"/>
      <c r="EQT22" s="14"/>
      <c r="EQZ22" s="14"/>
      <c r="ERE22" s="13"/>
      <c r="ERF22" s="14"/>
      <c r="ERL22" s="14"/>
      <c r="ERR22" s="14"/>
      <c r="ERW22" s="13"/>
      <c r="ERX22" s="14"/>
      <c r="ESD22" s="14"/>
      <c r="ESJ22" s="14"/>
      <c r="ESO22" s="13"/>
      <c r="ESP22" s="14"/>
      <c r="ESV22" s="14"/>
      <c r="ETB22" s="14"/>
      <c r="ETG22" s="13"/>
      <c r="ETH22" s="14"/>
      <c r="ETN22" s="14"/>
      <c r="ETT22" s="14"/>
      <c r="ETY22" s="13"/>
      <c r="ETZ22" s="14"/>
      <c r="EUF22" s="14"/>
      <c r="EUL22" s="14"/>
      <c r="EUQ22" s="13"/>
      <c r="EUR22" s="14"/>
      <c r="EUX22" s="14"/>
      <c r="EVD22" s="14"/>
      <c r="EVI22" s="13"/>
      <c r="EVJ22" s="14"/>
      <c r="EVP22" s="14"/>
      <c r="EVV22" s="14"/>
      <c r="EWA22" s="13"/>
      <c r="EWB22" s="14"/>
      <c r="EWH22" s="14"/>
      <c r="EWN22" s="14"/>
      <c r="EWS22" s="13"/>
      <c r="EWT22" s="14"/>
      <c r="EWZ22" s="14"/>
      <c r="EXF22" s="14"/>
      <c r="EXK22" s="13"/>
      <c r="EXL22" s="14"/>
      <c r="EXR22" s="14"/>
      <c r="EXX22" s="14"/>
      <c r="EYC22" s="13"/>
      <c r="EYD22" s="14"/>
      <c r="EYJ22" s="14"/>
      <c r="EYP22" s="14"/>
      <c r="EYU22" s="13"/>
      <c r="EYV22" s="14"/>
      <c r="EZB22" s="14"/>
      <c r="EZH22" s="14"/>
      <c r="EZM22" s="13"/>
      <c r="EZN22" s="14"/>
      <c r="EZT22" s="14"/>
      <c r="EZZ22" s="14"/>
      <c r="FAE22" s="13"/>
      <c r="FAF22" s="14"/>
      <c r="FAL22" s="14"/>
      <c r="FAR22" s="14"/>
      <c r="FAW22" s="13"/>
      <c r="FAX22" s="14"/>
      <c r="FBD22" s="14"/>
      <c r="FBJ22" s="14"/>
      <c r="FBO22" s="13"/>
      <c r="FBP22" s="14"/>
      <c r="FBV22" s="14"/>
      <c r="FCB22" s="14"/>
      <c r="FCG22" s="13"/>
      <c r="FCH22" s="14"/>
      <c r="FCN22" s="14"/>
      <c r="FCT22" s="14"/>
      <c r="FCY22" s="13"/>
      <c r="FCZ22" s="14"/>
      <c r="FDF22" s="14"/>
      <c r="FDL22" s="14"/>
      <c r="FDQ22" s="13"/>
      <c r="FDR22" s="14"/>
      <c r="FDX22" s="14"/>
      <c r="FED22" s="14"/>
      <c r="FEI22" s="13"/>
      <c r="FEJ22" s="14"/>
      <c r="FEP22" s="14"/>
      <c r="FEV22" s="14"/>
      <c r="FFA22" s="13"/>
      <c r="FFB22" s="14"/>
      <c r="FFH22" s="14"/>
      <c r="FFN22" s="14"/>
      <c r="FFS22" s="13"/>
      <c r="FFT22" s="14"/>
      <c r="FFZ22" s="14"/>
      <c r="FGF22" s="14"/>
      <c r="FGK22" s="13"/>
      <c r="FGL22" s="14"/>
      <c r="FGR22" s="14"/>
      <c r="FGX22" s="14"/>
      <c r="FHC22" s="13"/>
      <c r="FHD22" s="14"/>
      <c r="FHJ22" s="14"/>
      <c r="FHP22" s="14"/>
      <c r="FHU22" s="13"/>
      <c r="FHV22" s="14"/>
      <c r="FIB22" s="14"/>
      <c r="FIH22" s="14"/>
      <c r="FIM22" s="13"/>
      <c r="FIN22" s="14"/>
      <c r="FIT22" s="14"/>
      <c r="FIZ22" s="14"/>
      <c r="FJE22" s="13"/>
      <c r="FJF22" s="14"/>
      <c r="FJL22" s="14"/>
      <c r="FJR22" s="14"/>
      <c r="FJW22" s="13"/>
      <c r="FJX22" s="14"/>
      <c r="FKD22" s="14"/>
      <c r="FKJ22" s="14"/>
      <c r="FKO22" s="13"/>
      <c r="FKP22" s="14"/>
      <c r="FKV22" s="14"/>
      <c r="FLB22" s="14"/>
      <c r="FLG22" s="13"/>
      <c r="FLH22" s="14"/>
      <c r="FLN22" s="14"/>
      <c r="FLT22" s="14"/>
      <c r="FLY22" s="13"/>
      <c r="FLZ22" s="14"/>
      <c r="FMF22" s="14"/>
      <c r="FML22" s="14"/>
      <c r="FMQ22" s="13"/>
      <c r="FMR22" s="14"/>
      <c r="FMX22" s="14"/>
      <c r="FND22" s="14"/>
      <c r="FNI22" s="13"/>
      <c r="FNJ22" s="14"/>
      <c r="FNP22" s="14"/>
      <c r="FNV22" s="14"/>
      <c r="FOA22" s="13"/>
      <c r="FOB22" s="14"/>
      <c r="FOH22" s="14"/>
      <c r="FON22" s="14"/>
      <c r="FOS22" s="13"/>
      <c r="FOT22" s="14"/>
      <c r="FOZ22" s="14"/>
      <c r="FPF22" s="14"/>
      <c r="FPK22" s="13"/>
      <c r="FPL22" s="14"/>
      <c r="FPR22" s="14"/>
      <c r="FPX22" s="14"/>
      <c r="FQC22" s="13"/>
      <c r="FQD22" s="14"/>
      <c r="FQJ22" s="14"/>
      <c r="FQP22" s="14"/>
      <c r="FQU22" s="13"/>
      <c r="FQV22" s="14"/>
      <c r="FRB22" s="14"/>
      <c r="FRH22" s="14"/>
      <c r="FRM22" s="13"/>
      <c r="FRN22" s="14"/>
      <c r="FRT22" s="14"/>
      <c r="FRZ22" s="14"/>
      <c r="FSE22" s="13"/>
      <c r="FSF22" s="14"/>
      <c r="FSL22" s="14"/>
      <c r="FSR22" s="14"/>
      <c r="FSW22" s="13"/>
      <c r="FSX22" s="14"/>
      <c r="FTD22" s="14"/>
      <c r="FTJ22" s="14"/>
      <c r="FTO22" s="13"/>
      <c r="FTP22" s="14"/>
      <c r="FTV22" s="14"/>
      <c r="FUB22" s="14"/>
      <c r="FUG22" s="13"/>
      <c r="FUH22" s="14"/>
      <c r="FUN22" s="14"/>
      <c r="FUT22" s="14"/>
      <c r="FUY22" s="13"/>
      <c r="FUZ22" s="14"/>
      <c r="FVF22" s="14"/>
      <c r="FVL22" s="14"/>
      <c r="FVQ22" s="13"/>
      <c r="FVR22" s="14"/>
      <c r="FVX22" s="14"/>
      <c r="FWD22" s="14"/>
      <c r="FWI22" s="13"/>
      <c r="FWJ22" s="14"/>
      <c r="FWP22" s="14"/>
      <c r="FWV22" s="14"/>
      <c r="FXA22" s="13"/>
      <c r="FXB22" s="14"/>
      <c r="FXH22" s="14"/>
      <c r="FXN22" s="14"/>
      <c r="FXS22" s="13"/>
      <c r="FXT22" s="14"/>
      <c r="FXZ22" s="14"/>
      <c r="FYF22" s="14"/>
      <c r="FYK22" s="13"/>
      <c r="FYL22" s="14"/>
      <c r="FYR22" s="14"/>
      <c r="FYX22" s="14"/>
      <c r="FZC22" s="13"/>
      <c r="FZD22" s="14"/>
      <c r="FZJ22" s="14"/>
      <c r="FZP22" s="14"/>
      <c r="FZU22" s="13"/>
      <c r="FZV22" s="14"/>
      <c r="GAB22" s="14"/>
      <c r="GAH22" s="14"/>
      <c r="GAM22" s="13"/>
      <c r="GAN22" s="14"/>
      <c r="GAT22" s="14"/>
      <c r="GAZ22" s="14"/>
      <c r="GBE22" s="13"/>
      <c r="GBF22" s="14"/>
      <c r="GBL22" s="14"/>
      <c r="GBR22" s="14"/>
      <c r="GBW22" s="13"/>
      <c r="GBX22" s="14"/>
      <c r="GCD22" s="14"/>
      <c r="GCJ22" s="14"/>
      <c r="GCO22" s="13"/>
      <c r="GCP22" s="14"/>
      <c r="GCV22" s="14"/>
      <c r="GDB22" s="14"/>
      <c r="GDG22" s="13"/>
      <c r="GDH22" s="14"/>
      <c r="GDN22" s="14"/>
      <c r="GDT22" s="14"/>
      <c r="GDY22" s="13"/>
      <c r="GDZ22" s="14"/>
      <c r="GEF22" s="14"/>
      <c r="GEL22" s="14"/>
      <c r="GEQ22" s="13"/>
      <c r="GER22" s="14"/>
      <c r="GEX22" s="14"/>
      <c r="GFD22" s="14"/>
      <c r="GFI22" s="13"/>
      <c r="GFJ22" s="14"/>
      <c r="GFP22" s="14"/>
      <c r="GFV22" s="14"/>
      <c r="GGA22" s="13"/>
      <c r="GGB22" s="14"/>
      <c r="GGH22" s="14"/>
      <c r="GGN22" s="14"/>
      <c r="GGS22" s="13"/>
      <c r="GGT22" s="14"/>
      <c r="GGZ22" s="14"/>
      <c r="GHF22" s="14"/>
      <c r="GHK22" s="13"/>
      <c r="GHL22" s="14"/>
      <c r="GHR22" s="14"/>
      <c r="GHX22" s="14"/>
      <c r="GIC22" s="13"/>
      <c r="GID22" s="14"/>
      <c r="GIJ22" s="14"/>
      <c r="GIP22" s="14"/>
      <c r="GIU22" s="13"/>
      <c r="GIV22" s="14"/>
      <c r="GJB22" s="14"/>
      <c r="GJH22" s="14"/>
      <c r="GJM22" s="13"/>
      <c r="GJN22" s="14"/>
      <c r="GJT22" s="14"/>
      <c r="GJZ22" s="14"/>
      <c r="GKE22" s="13"/>
      <c r="GKF22" s="14"/>
      <c r="GKL22" s="14"/>
      <c r="GKR22" s="14"/>
      <c r="GKW22" s="13"/>
      <c r="GKX22" s="14"/>
      <c r="GLD22" s="14"/>
      <c r="GLJ22" s="14"/>
      <c r="GLO22" s="13"/>
      <c r="GLP22" s="14"/>
      <c r="GLV22" s="14"/>
      <c r="GMB22" s="14"/>
      <c r="GMG22" s="13"/>
      <c r="GMH22" s="14"/>
      <c r="GMN22" s="14"/>
      <c r="GMT22" s="14"/>
      <c r="GMY22" s="13"/>
      <c r="GMZ22" s="14"/>
      <c r="GNF22" s="14"/>
      <c r="GNL22" s="14"/>
      <c r="GNQ22" s="13"/>
      <c r="GNR22" s="14"/>
      <c r="GNX22" s="14"/>
      <c r="GOD22" s="14"/>
      <c r="GOI22" s="13"/>
      <c r="GOJ22" s="14"/>
      <c r="GOP22" s="14"/>
      <c r="GOV22" s="14"/>
      <c r="GPA22" s="13"/>
      <c r="GPB22" s="14"/>
      <c r="GPH22" s="14"/>
      <c r="GPN22" s="14"/>
      <c r="GPS22" s="13"/>
      <c r="GPT22" s="14"/>
      <c r="GPZ22" s="14"/>
      <c r="GQF22" s="14"/>
      <c r="GQK22" s="13"/>
      <c r="GQL22" s="14"/>
      <c r="GQR22" s="14"/>
      <c r="GQX22" s="14"/>
      <c r="GRC22" s="13"/>
      <c r="GRD22" s="14"/>
      <c r="GRJ22" s="14"/>
      <c r="GRP22" s="14"/>
      <c r="GRU22" s="13"/>
      <c r="GRV22" s="14"/>
      <c r="GSB22" s="14"/>
      <c r="GSH22" s="14"/>
      <c r="GSM22" s="13"/>
      <c r="GSN22" s="14"/>
      <c r="GST22" s="14"/>
      <c r="GSZ22" s="14"/>
      <c r="GTE22" s="13"/>
      <c r="GTF22" s="14"/>
      <c r="GTL22" s="14"/>
      <c r="GTR22" s="14"/>
      <c r="GTW22" s="13"/>
      <c r="GTX22" s="14"/>
      <c r="GUD22" s="14"/>
      <c r="GUJ22" s="14"/>
      <c r="GUO22" s="13"/>
      <c r="GUP22" s="14"/>
      <c r="GUV22" s="14"/>
      <c r="GVB22" s="14"/>
      <c r="GVG22" s="13"/>
      <c r="GVH22" s="14"/>
      <c r="GVN22" s="14"/>
      <c r="GVT22" s="14"/>
      <c r="GVY22" s="13"/>
      <c r="GVZ22" s="14"/>
      <c r="GWF22" s="14"/>
      <c r="GWL22" s="14"/>
      <c r="GWQ22" s="13"/>
      <c r="GWR22" s="14"/>
      <c r="GWX22" s="14"/>
      <c r="GXD22" s="14"/>
      <c r="GXI22" s="13"/>
      <c r="GXJ22" s="14"/>
      <c r="GXP22" s="14"/>
      <c r="GXV22" s="14"/>
      <c r="GYA22" s="13"/>
      <c r="GYB22" s="14"/>
      <c r="GYH22" s="14"/>
      <c r="GYN22" s="14"/>
      <c r="GYS22" s="13"/>
      <c r="GYT22" s="14"/>
      <c r="GYZ22" s="14"/>
      <c r="GZF22" s="14"/>
      <c r="GZK22" s="13"/>
      <c r="GZL22" s="14"/>
      <c r="GZR22" s="14"/>
      <c r="GZX22" s="14"/>
      <c r="HAC22" s="13"/>
      <c r="HAD22" s="14"/>
      <c r="HAJ22" s="14"/>
      <c r="HAP22" s="14"/>
      <c r="HAU22" s="13"/>
      <c r="HAV22" s="14"/>
      <c r="HBB22" s="14"/>
      <c r="HBH22" s="14"/>
      <c r="HBM22" s="13"/>
      <c r="HBN22" s="14"/>
      <c r="HBT22" s="14"/>
      <c r="HBZ22" s="14"/>
      <c r="HCE22" s="13"/>
      <c r="HCF22" s="14"/>
      <c r="HCL22" s="14"/>
      <c r="HCR22" s="14"/>
      <c r="HCW22" s="13"/>
      <c r="HCX22" s="14"/>
      <c r="HDD22" s="14"/>
      <c r="HDJ22" s="14"/>
      <c r="HDO22" s="13"/>
      <c r="HDP22" s="14"/>
      <c r="HDV22" s="14"/>
      <c r="HEB22" s="14"/>
      <c r="HEG22" s="13"/>
      <c r="HEH22" s="14"/>
      <c r="HEN22" s="14"/>
      <c r="HET22" s="14"/>
      <c r="HEY22" s="13"/>
      <c r="HEZ22" s="14"/>
      <c r="HFF22" s="14"/>
      <c r="HFL22" s="14"/>
      <c r="HFQ22" s="13"/>
      <c r="HFR22" s="14"/>
      <c r="HFX22" s="14"/>
      <c r="HGD22" s="14"/>
      <c r="HGI22" s="13"/>
      <c r="HGJ22" s="14"/>
      <c r="HGP22" s="14"/>
      <c r="HGV22" s="14"/>
      <c r="HHA22" s="13"/>
      <c r="HHB22" s="14"/>
      <c r="HHH22" s="14"/>
      <c r="HHN22" s="14"/>
      <c r="HHS22" s="13"/>
      <c r="HHT22" s="14"/>
      <c r="HHZ22" s="14"/>
      <c r="HIF22" s="14"/>
      <c r="HIK22" s="13"/>
      <c r="HIL22" s="14"/>
      <c r="HIR22" s="14"/>
      <c r="HIX22" s="14"/>
      <c r="HJC22" s="13"/>
      <c r="HJD22" s="14"/>
      <c r="HJJ22" s="14"/>
      <c r="HJP22" s="14"/>
      <c r="HJU22" s="13"/>
      <c r="HJV22" s="14"/>
      <c r="HKB22" s="14"/>
      <c r="HKH22" s="14"/>
      <c r="HKM22" s="13"/>
      <c r="HKN22" s="14"/>
      <c r="HKT22" s="14"/>
      <c r="HKZ22" s="14"/>
      <c r="HLE22" s="13"/>
      <c r="HLF22" s="14"/>
      <c r="HLL22" s="14"/>
      <c r="HLR22" s="14"/>
      <c r="HLW22" s="13"/>
      <c r="HLX22" s="14"/>
      <c r="HMD22" s="14"/>
      <c r="HMJ22" s="14"/>
      <c r="HMO22" s="13"/>
      <c r="HMP22" s="14"/>
      <c r="HMV22" s="14"/>
      <c r="HNB22" s="14"/>
      <c r="HNG22" s="13"/>
      <c r="HNH22" s="14"/>
      <c r="HNN22" s="14"/>
      <c r="HNT22" s="14"/>
      <c r="HNY22" s="13"/>
      <c r="HNZ22" s="14"/>
      <c r="HOF22" s="14"/>
      <c r="HOL22" s="14"/>
      <c r="HOQ22" s="13"/>
      <c r="HOR22" s="14"/>
      <c r="HOX22" s="14"/>
      <c r="HPD22" s="14"/>
      <c r="HPI22" s="13"/>
      <c r="HPJ22" s="14"/>
      <c r="HPP22" s="14"/>
      <c r="HPV22" s="14"/>
      <c r="HQA22" s="13"/>
      <c r="HQB22" s="14"/>
      <c r="HQH22" s="14"/>
      <c r="HQN22" s="14"/>
      <c r="HQS22" s="13"/>
      <c r="HQT22" s="14"/>
      <c r="HQZ22" s="14"/>
      <c r="HRF22" s="14"/>
      <c r="HRK22" s="13"/>
      <c r="HRL22" s="14"/>
      <c r="HRR22" s="14"/>
      <c r="HRX22" s="14"/>
      <c r="HSC22" s="13"/>
      <c r="HSD22" s="14"/>
      <c r="HSJ22" s="14"/>
      <c r="HSP22" s="14"/>
      <c r="HSU22" s="13"/>
      <c r="HSV22" s="14"/>
      <c r="HTB22" s="14"/>
      <c r="HTH22" s="14"/>
      <c r="HTM22" s="13"/>
      <c r="HTN22" s="14"/>
      <c r="HTT22" s="14"/>
      <c r="HTZ22" s="14"/>
      <c r="HUE22" s="13"/>
      <c r="HUF22" s="14"/>
      <c r="HUL22" s="14"/>
      <c r="HUR22" s="14"/>
      <c r="HUW22" s="13"/>
      <c r="HUX22" s="14"/>
      <c r="HVD22" s="14"/>
      <c r="HVJ22" s="14"/>
      <c r="HVO22" s="13"/>
      <c r="HVP22" s="14"/>
      <c r="HVV22" s="14"/>
      <c r="HWB22" s="14"/>
      <c r="HWG22" s="13"/>
      <c r="HWH22" s="14"/>
      <c r="HWN22" s="14"/>
      <c r="HWT22" s="14"/>
      <c r="HWY22" s="13"/>
      <c r="HWZ22" s="14"/>
      <c r="HXF22" s="14"/>
      <c r="HXL22" s="14"/>
      <c r="HXQ22" s="13"/>
      <c r="HXR22" s="14"/>
      <c r="HXX22" s="14"/>
      <c r="HYD22" s="14"/>
      <c r="HYI22" s="13"/>
      <c r="HYJ22" s="14"/>
      <c r="HYP22" s="14"/>
      <c r="HYV22" s="14"/>
      <c r="HZA22" s="13"/>
      <c r="HZB22" s="14"/>
      <c r="HZH22" s="14"/>
      <c r="HZN22" s="14"/>
      <c r="HZS22" s="13"/>
      <c r="HZT22" s="14"/>
      <c r="HZZ22" s="14"/>
      <c r="IAF22" s="14"/>
      <c r="IAK22" s="13"/>
      <c r="IAL22" s="14"/>
      <c r="IAR22" s="14"/>
      <c r="IAX22" s="14"/>
      <c r="IBC22" s="13"/>
      <c r="IBD22" s="14"/>
      <c r="IBJ22" s="14"/>
      <c r="IBP22" s="14"/>
      <c r="IBU22" s="13"/>
      <c r="IBV22" s="14"/>
      <c r="ICB22" s="14"/>
      <c r="ICH22" s="14"/>
      <c r="ICM22" s="13"/>
      <c r="ICN22" s="14"/>
      <c r="ICT22" s="14"/>
      <c r="ICZ22" s="14"/>
      <c r="IDE22" s="13"/>
      <c r="IDF22" s="14"/>
      <c r="IDL22" s="14"/>
      <c r="IDR22" s="14"/>
      <c r="IDW22" s="13"/>
      <c r="IDX22" s="14"/>
      <c r="IED22" s="14"/>
      <c r="IEJ22" s="14"/>
      <c r="IEO22" s="13"/>
      <c r="IEP22" s="14"/>
      <c r="IEV22" s="14"/>
      <c r="IFB22" s="14"/>
      <c r="IFG22" s="13"/>
      <c r="IFH22" s="14"/>
      <c r="IFN22" s="14"/>
      <c r="IFT22" s="14"/>
      <c r="IFY22" s="13"/>
      <c r="IFZ22" s="14"/>
      <c r="IGF22" s="14"/>
      <c r="IGL22" s="14"/>
      <c r="IGQ22" s="13"/>
      <c r="IGR22" s="14"/>
      <c r="IGX22" s="14"/>
      <c r="IHD22" s="14"/>
      <c r="IHI22" s="13"/>
      <c r="IHJ22" s="14"/>
      <c r="IHP22" s="14"/>
      <c r="IHV22" s="14"/>
      <c r="IIA22" s="13"/>
      <c r="IIB22" s="14"/>
      <c r="IIH22" s="14"/>
      <c r="IIN22" s="14"/>
      <c r="IIS22" s="13"/>
      <c r="IIT22" s="14"/>
      <c r="IIZ22" s="14"/>
      <c r="IJF22" s="14"/>
      <c r="IJK22" s="13"/>
      <c r="IJL22" s="14"/>
      <c r="IJR22" s="14"/>
      <c r="IJX22" s="14"/>
      <c r="IKC22" s="13"/>
      <c r="IKD22" s="14"/>
      <c r="IKJ22" s="14"/>
      <c r="IKP22" s="14"/>
      <c r="IKU22" s="13"/>
      <c r="IKV22" s="14"/>
      <c r="ILB22" s="14"/>
      <c r="ILH22" s="14"/>
      <c r="ILM22" s="13"/>
      <c r="ILN22" s="14"/>
      <c r="ILT22" s="14"/>
      <c r="ILZ22" s="14"/>
      <c r="IME22" s="13"/>
      <c r="IMF22" s="14"/>
      <c r="IML22" s="14"/>
      <c r="IMR22" s="14"/>
      <c r="IMW22" s="13"/>
      <c r="IMX22" s="14"/>
      <c r="IND22" s="14"/>
      <c r="INJ22" s="14"/>
      <c r="INO22" s="13"/>
      <c r="INP22" s="14"/>
      <c r="INV22" s="14"/>
      <c r="IOB22" s="14"/>
      <c r="IOG22" s="13"/>
      <c r="IOH22" s="14"/>
      <c r="ION22" s="14"/>
      <c r="IOT22" s="14"/>
      <c r="IOY22" s="13"/>
      <c r="IOZ22" s="14"/>
      <c r="IPF22" s="14"/>
      <c r="IPL22" s="14"/>
      <c r="IPQ22" s="13"/>
      <c r="IPR22" s="14"/>
      <c r="IPX22" s="14"/>
      <c r="IQD22" s="14"/>
      <c r="IQI22" s="13"/>
      <c r="IQJ22" s="14"/>
      <c r="IQP22" s="14"/>
      <c r="IQV22" s="14"/>
      <c r="IRA22" s="13"/>
      <c r="IRB22" s="14"/>
      <c r="IRH22" s="14"/>
      <c r="IRN22" s="14"/>
      <c r="IRS22" s="13"/>
      <c r="IRT22" s="14"/>
      <c r="IRZ22" s="14"/>
      <c r="ISF22" s="14"/>
      <c r="ISK22" s="13"/>
      <c r="ISL22" s="14"/>
      <c r="ISR22" s="14"/>
      <c r="ISX22" s="14"/>
      <c r="ITC22" s="13"/>
      <c r="ITD22" s="14"/>
      <c r="ITJ22" s="14"/>
      <c r="ITP22" s="14"/>
      <c r="ITU22" s="13"/>
      <c r="ITV22" s="14"/>
      <c r="IUB22" s="14"/>
      <c r="IUH22" s="14"/>
      <c r="IUM22" s="13"/>
      <c r="IUN22" s="14"/>
      <c r="IUT22" s="14"/>
      <c r="IUZ22" s="14"/>
      <c r="IVE22" s="13"/>
      <c r="IVF22" s="14"/>
      <c r="IVL22" s="14"/>
      <c r="IVR22" s="14"/>
      <c r="IVW22" s="13"/>
      <c r="IVX22" s="14"/>
      <c r="IWD22" s="14"/>
      <c r="IWJ22" s="14"/>
      <c r="IWO22" s="13"/>
      <c r="IWP22" s="14"/>
      <c r="IWV22" s="14"/>
      <c r="IXB22" s="14"/>
      <c r="IXG22" s="13"/>
      <c r="IXH22" s="14"/>
      <c r="IXN22" s="14"/>
      <c r="IXT22" s="14"/>
      <c r="IXY22" s="13"/>
      <c r="IXZ22" s="14"/>
      <c r="IYF22" s="14"/>
      <c r="IYL22" s="14"/>
      <c r="IYQ22" s="13"/>
      <c r="IYR22" s="14"/>
      <c r="IYX22" s="14"/>
      <c r="IZD22" s="14"/>
      <c r="IZI22" s="13"/>
      <c r="IZJ22" s="14"/>
      <c r="IZP22" s="14"/>
      <c r="IZV22" s="14"/>
      <c r="JAA22" s="13"/>
      <c r="JAB22" s="14"/>
      <c r="JAH22" s="14"/>
      <c r="JAN22" s="14"/>
      <c r="JAS22" s="13"/>
      <c r="JAT22" s="14"/>
      <c r="JAZ22" s="14"/>
      <c r="JBF22" s="14"/>
      <c r="JBK22" s="13"/>
      <c r="JBL22" s="14"/>
      <c r="JBR22" s="14"/>
      <c r="JBX22" s="14"/>
      <c r="JCC22" s="13"/>
      <c r="JCD22" s="14"/>
      <c r="JCJ22" s="14"/>
      <c r="JCP22" s="14"/>
      <c r="JCU22" s="13"/>
      <c r="JCV22" s="14"/>
      <c r="JDB22" s="14"/>
      <c r="JDH22" s="14"/>
      <c r="JDM22" s="13"/>
      <c r="JDN22" s="14"/>
      <c r="JDT22" s="14"/>
      <c r="JDZ22" s="14"/>
      <c r="JEE22" s="13"/>
      <c r="JEF22" s="14"/>
      <c r="JEL22" s="14"/>
      <c r="JER22" s="14"/>
      <c r="JEW22" s="13"/>
      <c r="JEX22" s="14"/>
      <c r="JFD22" s="14"/>
      <c r="JFJ22" s="14"/>
      <c r="JFO22" s="13"/>
      <c r="JFP22" s="14"/>
      <c r="JFV22" s="14"/>
      <c r="JGB22" s="14"/>
      <c r="JGG22" s="13"/>
      <c r="JGH22" s="14"/>
      <c r="JGN22" s="14"/>
      <c r="JGT22" s="14"/>
      <c r="JGY22" s="13"/>
      <c r="JGZ22" s="14"/>
      <c r="JHF22" s="14"/>
      <c r="JHL22" s="14"/>
      <c r="JHQ22" s="13"/>
      <c r="JHR22" s="14"/>
      <c r="JHX22" s="14"/>
      <c r="JID22" s="14"/>
      <c r="JII22" s="13"/>
      <c r="JIJ22" s="14"/>
      <c r="JIP22" s="14"/>
      <c r="JIV22" s="14"/>
      <c r="JJA22" s="13"/>
      <c r="JJB22" s="14"/>
      <c r="JJH22" s="14"/>
      <c r="JJN22" s="14"/>
      <c r="JJS22" s="13"/>
      <c r="JJT22" s="14"/>
      <c r="JJZ22" s="14"/>
      <c r="JKF22" s="14"/>
      <c r="JKK22" s="13"/>
      <c r="JKL22" s="14"/>
      <c r="JKR22" s="14"/>
      <c r="JKX22" s="14"/>
      <c r="JLC22" s="13"/>
      <c r="JLD22" s="14"/>
      <c r="JLJ22" s="14"/>
      <c r="JLP22" s="14"/>
      <c r="JLU22" s="13"/>
      <c r="JLV22" s="14"/>
      <c r="JMB22" s="14"/>
      <c r="JMH22" s="14"/>
      <c r="JMM22" s="13"/>
      <c r="JMN22" s="14"/>
      <c r="JMT22" s="14"/>
      <c r="JMZ22" s="14"/>
      <c r="JNE22" s="13"/>
      <c r="JNF22" s="14"/>
      <c r="JNL22" s="14"/>
      <c r="JNR22" s="14"/>
      <c r="JNW22" s="13"/>
      <c r="JNX22" s="14"/>
      <c r="JOD22" s="14"/>
      <c r="JOJ22" s="14"/>
      <c r="JOO22" s="13"/>
      <c r="JOP22" s="14"/>
      <c r="JOV22" s="14"/>
      <c r="JPB22" s="14"/>
      <c r="JPG22" s="13"/>
      <c r="JPH22" s="14"/>
      <c r="JPN22" s="14"/>
      <c r="JPT22" s="14"/>
      <c r="JPY22" s="13"/>
      <c r="JPZ22" s="14"/>
      <c r="JQF22" s="14"/>
      <c r="JQL22" s="14"/>
      <c r="JQQ22" s="13"/>
      <c r="JQR22" s="14"/>
      <c r="JQX22" s="14"/>
      <c r="JRD22" s="14"/>
      <c r="JRI22" s="13"/>
      <c r="JRJ22" s="14"/>
      <c r="JRP22" s="14"/>
      <c r="JRV22" s="14"/>
      <c r="JSA22" s="13"/>
      <c r="JSB22" s="14"/>
      <c r="JSH22" s="14"/>
      <c r="JSN22" s="14"/>
      <c r="JSS22" s="13"/>
      <c r="JST22" s="14"/>
      <c r="JSZ22" s="14"/>
      <c r="JTF22" s="14"/>
      <c r="JTK22" s="13"/>
      <c r="JTL22" s="14"/>
      <c r="JTR22" s="14"/>
      <c r="JTX22" s="14"/>
      <c r="JUC22" s="13"/>
      <c r="JUD22" s="14"/>
      <c r="JUJ22" s="14"/>
      <c r="JUP22" s="14"/>
      <c r="JUU22" s="13"/>
      <c r="JUV22" s="14"/>
      <c r="JVB22" s="14"/>
      <c r="JVH22" s="14"/>
      <c r="JVM22" s="13"/>
      <c r="JVN22" s="14"/>
      <c r="JVT22" s="14"/>
      <c r="JVZ22" s="14"/>
      <c r="JWE22" s="13"/>
      <c r="JWF22" s="14"/>
      <c r="JWL22" s="14"/>
      <c r="JWR22" s="14"/>
      <c r="JWW22" s="13"/>
      <c r="JWX22" s="14"/>
      <c r="JXD22" s="14"/>
      <c r="JXJ22" s="14"/>
      <c r="JXO22" s="13"/>
      <c r="JXP22" s="14"/>
      <c r="JXV22" s="14"/>
      <c r="JYB22" s="14"/>
      <c r="JYG22" s="13"/>
      <c r="JYH22" s="14"/>
      <c r="JYN22" s="14"/>
      <c r="JYT22" s="14"/>
      <c r="JYY22" s="13"/>
      <c r="JYZ22" s="14"/>
      <c r="JZF22" s="14"/>
      <c r="JZL22" s="14"/>
      <c r="JZQ22" s="13"/>
      <c r="JZR22" s="14"/>
      <c r="JZX22" s="14"/>
      <c r="KAD22" s="14"/>
      <c r="KAI22" s="13"/>
      <c r="KAJ22" s="14"/>
      <c r="KAP22" s="14"/>
      <c r="KAV22" s="14"/>
      <c r="KBA22" s="13"/>
      <c r="KBB22" s="14"/>
      <c r="KBH22" s="14"/>
      <c r="KBN22" s="14"/>
      <c r="KBS22" s="13"/>
      <c r="KBT22" s="14"/>
      <c r="KBZ22" s="14"/>
      <c r="KCF22" s="14"/>
      <c r="KCK22" s="13"/>
      <c r="KCL22" s="14"/>
      <c r="KCR22" s="14"/>
      <c r="KCX22" s="14"/>
      <c r="KDC22" s="13"/>
      <c r="KDD22" s="14"/>
      <c r="KDJ22" s="14"/>
      <c r="KDP22" s="14"/>
      <c r="KDU22" s="13"/>
      <c r="KDV22" s="14"/>
      <c r="KEB22" s="14"/>
      <c r="KEH22" s="14"/>
      <c r="KEM22" s="13"/>
      <c r="KEN22" s="14"/>
      <c r="KET22" s="14"/>
      <c r="KEZ22" s="14"/>
      <c r="KFE22" s="13"/>
      <c r="KFF22" s="14"/>
      <c r="KFL22" s="14"/>
      <c r="KFR22" s="14"/>
      <c r="KFW22" s="13"/>
      <c r="KFX22" s="14"/>
      <c r="KGD22" s="14"/>
      <c r="KGJ22" s="14"/>
      <c r="KGO22" s="13"/>
      <c r="KGP22" s="14"/>
      <c r="KGV22" s="14"/>
      <c r="KHB22" s="14"/>
      <c r="KHG22" s="13"/>
      <c r="KHH22" s="14"/>
      <c r="KHN22" s="14"/>
      <c r="KHT22" s="14"/>
      <c r="KHY22" s="13"/>
      <c r="KHZ22" s="14"/>
      <c r="KIF22" s="14"/>
      <c r="KIL22" s="14"/>
      <c r="KIQ22" s="13"/>
      <c r="KIR22" s="14"/>
      <c r="KIX22" s="14"/>
      <c r="KJD22" s="14"/>
      <c r="KJI22" s="13"/>
      <c r="KJJ22" s="14"/>
      <c r="KJP22" s="14"/>
      <c r="KJV22" s="14"/>
      <c r="KKA22" s="13"/>
      <c r="KKB22" s="14"/>
      <c r="KKH22" s="14"/>
      <c r="KKN22" s="14"/>
      <c r="KKS22" s="13"/>
      <c r="KKT22" s="14"/>
      <c r="KKZ22" s="14"/>
      <c r="KLF22" s="14"/>
      <c r="KLK22" s="13"/>
      <c r="KLL22" s="14"/>
      <c r="KLR22" s="14"/>
      <c r="KLX22" s="14"/>
      <c r="KMC22" s="13"/>
      <c r="KMD22" s="14"/>
      <c r="KMJ22" s="14"/>
      <c r="KMP22" s="14"/>
      <c r="KMU22" s="13"/>
      <c r="KMV22" s="14"/>
      <c r="KNB22" s="14"/>
      <c r="KNH22" s="14"/>
      <c r="KNM22" s="13"/>
      <c r="KNN22" s="14"/>
      <c r="KNT22" s="14"/>
      <c r="KNZ22" s="14"/>
      <c r="KOE22" s="13"/>
      <c r="KOF22" s="14"/>
      <c r="KOL22" s="14"/>
      <c r="KOR22" s="14"/>
      <c r="KOW22" s="13"/>
      <c r="KOX22" s="14"/>
      <c r="KPD22" s="14"/>
      <c r="KPJ22" s="14"/>
      <c r="KPO22" s="13"/>
      <c r="KPP22" s="14"/>
      <c r="KPV22" s="14"/>
      <c r="KQB22" s="14"/>
      <c r="KQG22" s="13"/>
      <c r="KQH22" s="14"/>
      <c r="KQN22" s="14"/>
      <c r="KQT22" s="14"/>
      <c r="KQY22" s="13"/>
      <c r="KQZ22" s="14"/>
      <c r="KRF22" s="14"/>
      <c r="KRL22" s="14"/>
      <c r="KRQ22" s="13"/>
      <c r="KRR22" s="14"/>
      <c r="KRX22" s="14"/>
      <c r="KSD22" s="14"/>
      <c r="KSI22" s="13"/>
      <c r="KSJ22" s="14"/>
      <c r="KSP22" s="14"/>
      <c r="KSV22" s="14"/>
      <c r="KTA22" s="13"/>
      <c r="KTB22" s="14"/>
      <c r="KTH22" s="14"/>
      <c r="KTN22" s="14"/>
      <c r="KTS22" s="13"/>
      <c r="KTT22" s="14"/>
      <c r="KTZ22" s="14"/>
      <c r="KUF22" s="14"/>
      <c r="KUK22" s="13"/>
      <c r="KUL22" s="14"/>
      <c r="KUR22" s="14"/>
      <c r="KUX22" s="14"/>
      <c r="KVC22" s="13"/>
      <c r="KVD22" s="14"/>
      <c r="KVJ22" s="14"/>
      <c r="KVP22" s="14"/>
      <c r="KVU22" s="13"/>
      <c r="KVV22" s="14"/>
      <c r="KWB22" s="14"/>
      <c r="KWH22" s="14"/>
      <c r="KWM22" s="13"/>
      <c r="KWN22" s="14"/>
      <c r="KWT22" s="14"/>
      <c r="KWZ22" s="14"/>
      <c r="KXE22" s="13"/>
      <c r="KXF22" s="14"/>
      <c r="KXL22" s="14"/>
      <c r="KXR22" s="14"/>
      <c r="KXW22" s="13"/>
      <c r="KXX22" s="14"/>
      <c r="KYD22" s="14"/>
      <c r="KYJ22" s="14"/>
      <c r="KYO22" s="13"/>
      <c r="KYP22" s="14"/>
      <c r="KYV22" s="14"/>
      <c r="KZB22" s="14"/>
      <c r="KZG22" s="13"/>
      <c r="KZH22" s="14"/>
      <c r="KZN22" s="14"/>
      <c r="KZT22" s="14"/>
      <c r="KZY22" s="13"/>
      <c r="KZZ22" s="14"/>
      <c r="LAF22" s="14"/>
      <c r="LAL22" s="14"/>
      <c r="LAQ22" s="13"/>
      <c r="LAR22" s="14"/>
      <c r="LAX22" s="14"/>
      <c r="LBD22" s="14"/>
      <c r="LBI22" s="13"/>
      <c r="LBJ22" s="14"/>
      <c r="LBP22" s="14"/>
      <c r="LBV22" s="14"/>
      <c r="LCA22" s="13"/>
      <c r="LCB22" s="14"/>
      <c r="LCH22" s="14"/>
      <c r="LCN22" s="14"/>
      <c r="LCS22" s="13"/>
      <c r="LCT22" s="14"/>
      <c r="LCZ22" s="14"/>
      <c r="LDF22" s="14"/>
      <c r="LDK22" s="13"/>
      <c r="LDL22" s="14"/>
      <c r="LDR22" s="14"/>
      <c r="LDX22" s="14"/>
      <c r="LEC22" s="13"/>
      <c r="LED22" s="14"/>
      <c r="LEJ22" s="14"/>
      <c r="LEP22" s="14"/>
      <c r="LEU22" s="13"/>
      <c r="LEV22" s="14"/>
      <c r="LFB22" s="14"/>
      <c r="LFH22" s="14"/>
      <c r="LFM22" s="13"/>
      <c r="LFN22" s="14"/>
      <c r="LFT22" s="14"/>
      <c r="LFZ22" s="14"/>
      <c r="LGE22" s="13"/>
      <c r="LGF22" s="14"/>
      <c r="LGL22" s="14"/>
      <c r="LGR22" s="14"/>
      <c r="LGW22" s="13"/>
      <c r="LGX22" s="14"/>
      <c r="LHD22" s="14"/>
      <c r="LHJ22" s="14"/>
      <c r="LHO22" s="13"/>
      <c r="LHP22" s="14"/>
      <c r="LHV22" s="14"/>
      <c r="LIB22" s="14"/>
      <c r="LIG22" s="13"/>
      <c r="LIH22" s="14"/>
      <c r="LIN22" s="14"/>
      <c r="LIT22" s="14"/>
      <c r="LIY22" s="13"/>
      <c r="LIZ22" s="14"/>
      <c r="LJF22" s="14"/>
      <c r="LJL22" s="14"/>
      <c r="LJQ22" s="13"/>
      <c r="LJR22" s="14"/>
      <c r="LJX22" s="14"/>
      <c r="LKD22" s="14"/>
      <c r="LKI22" s="13"/>
      <c r="LKJ22" s="14"/>
      <c r="LKP22" s="14"/>
      <c r="LKV22" s="14"/>
      <c r="LLA22" s="13"/>
      <c r="LLB22" s="14"/>
      <c r="LLH22" s="14"/>
      <c r="LLN22" s="14"/>
      <c r="LLS22" s="13"/>
      <c r="LLT22" s="14"/>
      <c r="LLZ22" s="14"/>
      <c r="LMF22" s="14"/>
      <c r="LMK22" s="13"/>
      <c r="LML22" s="14"/>
      <c r="LMR22" s="14"/>
      <c r="LMX22" s="14"/>
      <c r="LNC22" s="13"/>
      <c r="LND22" s="14"/>
      <c r="LNJ22" s="14"/>
      <c r="LNP22" s="14"/>
      <c r="LNU22" s="13"/>
      <c r="LNV22" s="14"/>
      <c r="LOB22" s="14"/>
      <c r="LOH22" s="14"/>
      <c r="LOM22" s="13"/>
      <c r="LON22" s="14"/>
      <c r="LOT22" s="14"/>
      <c r="LOZ22" s="14"/>
      <c r="LPE22" s="13"/>
      <c r="LPF22" s="14"/>
      <c r="LPL22" s="14"/>
      <c r="LPR22" s="14"/>
      <c r="LPW22" s="13"/>
      <c r="LPX22" s="14"/>
      <c r="LQD22" s="14"/>
      <c r="LQJ22" s="14"/>
      <c r="LQO22" s="13"/>
      <c r="LQP22" s="14"/>
      <c r="LQV22" s="14"/>
      <c r="LRB22" s="14"/>
      <c r="LRG22" s="13"/>
      <c r="LRH22" s="14"/>
      <c r="LRN22" s="14"/>
      <c r="LRT22" s="14"/>
      <c r="LRY22" s="13"/>
      <c r="LRZ22" s="14"/>
      <c r="LSF22" s="14"/>
      <c r="LSL22" s="14"/>
      <c r="LSQ22" s="13"/>
      <c r="LSR22" s="14"/>
      <c r="LSX22" s="14"/>
      <c r="LTD22" s="14"/>
      <c r="LTI22" s="13"/>
      <c r="LTJ22" s="14"/>
      <c r="LTP22" s="14"/>
      <c r="LTV22" s="14"/>
      <c r="LUA22" s="13"/>
      <c r="LUB22" s="14"/>
      <c r="LUH22" s="14"/>
      <c r="LUN22" s="14"/>
      <c r="LUS22" s="13"/>
      <c r="LUT22" s="14"/>
      <c r="LUZ22" s="14"/>
      <c r="LVF22" s="14"/>
      <c r="LVK22" s="13"/>
      <c r="LVL22" s="14"/>
      <c r="LVR22" s="14"/>
      <c r="LVX22" s="14"/>
      <c r="LWC22" s="13"/>
      <c r="LWD22" s="14"/>
      <c r="LWJ22" s="14"/>
      <c r="LWP22" s="14"/>
      <c r="LWU22" s="13"/>
      <c r="LWV22" s="14"/>
      <c r="LXB22" s="14"/>
      <c r="LXH22" s="14"/>
      <c r="LXM22" s="13"/>
      <c r="LXN22" s="14"/>
      <c r="LXT22" s="14"/>
      <c r="LXZ22" s="14"/>
      <c r="LYE22" s="13"/>
      <c r="LYF22" s="14"/>
      <c r="LYL22" s="14"/>
      <c r="LYR22" s="14"/>
      <c r="LYW22" s="13"/>
      <c r="LYX22" s="14"/>
      <c r="LZD22" s="14"/>
      <c r="LZJ22" s="14"/>
      <c r="LZO22" s="13"/>
      <c r="LZP22" s="14"/>
      <c r="LZV22" s="14"/>
      <c r="MAB22" s="14"/>
      <c r="MAG22" s="13"/>
      <c r="MAH22" s="14"/>
      <c r="MAN22" s="14"/>
      <c r="MAT22" s="14"/>
      <c r="MAY22" s="13"/>
      <c r="MAZ22" s="14"/>
      <c r="MBF22" s="14"/>
      <c r="MBL22" s="14"/>
      <c r="MBQ22" s="13"/>
      <c r="MBR22" s="14"/>
      <c r="MBX22" s="14"/>
      <c r="MCD22" s="14"/>
      <c r="MCI22" s="13"/>
      <c r="MCJ22" s="14"/>
      <c r="MCP22" s="14"/>
      <c r="MCV22" s="14"/>
      <c r="MDA22" s="13"/>
      <c r="MDB22" s="14"/>
      <c r="MDH22" s="14"/>
      <c r="MDN22" s="14"/>
      <c r="MDS22" s="13"/>
      <c r="MDT22" s="14"/>
      <c r="MDZ22" s="14"/>
      <c r="MEF22" s="14"/>
      <c r="MEK22" s="13"/>
      <c r="MEL22" s="14"/>
      <c r="MER22" s="14"/>
      <c r="MEX22" s="14"/>
      <c r="MFC22" s="13"/>
      <c r="MFD22" s="14"/>
      <c r="MFJ22" s="14"/>
      <c r="MFP22" s="14"/>
      <c r="MFU22" s="13"/>
      <c r="MFV22" s="14"/>
      <c r="MGB22" s="14"/>
      <c r="MGH22" s="14"/>
      <c r="MGM22" s="13"/>
      <c r="MGN22" s="14"/>
      <c r="MGT22" s="14"/>
      <c r="MGZ22" s="14"/>
      <c r="MHE22" s="13"/>
      <c r="MHF22" s="14"/>
      <c r="MHL22" s="14"/>
      <c r="MHR22" s="14"/>
      <c r="MHW22" s="13"/>
      <c r="MHX22" s="14"/>
      <c r="MID22" s="14"/>
      <c r="MIJ22" s="14"/>
      <c r="MIO22" s="13"/>
      <c r="MIP22" s="14"/>
      <c r="MIV22" s="14"/>
      <c r="MJB22" s="14"/>
      <c r="MJG22" s="13"/>
      <c r="MJH22" s="14"/>
      <c r="MJN22" s="14"/>
      <c r="MJT22" s="14"/>
      <c r="MJY22" s="13"/>
      <c r="MJZ22" s="14"/>
      <c r="MKF22" s="14"/>
      <c r="MKL22" s="14"/>
      <c r="MKQ22" s="13"/>
      <c r="MKR22" s="14"/>
      <c r="MKX22" s="14"/>
      <c r="MLD22" s="14"/>
      <c r="MLI22" s="13"/>
      <c r="MLJ22" s="14"/>
      <c r="MLP22" s="14"/>
      <c r="MLV22" s="14"/>
      <c r="MMA22" s="13"/>
      <c r="MMB22" s="14"/>
      <c r="MMH22" s="14"/>
      <c r="MMN22" s="14"/>
      <c r="MMS22" s="13"/>
      <c r="MMT22" s="14"/>
      <c r="MMZ22" s="14"/>
      <c r="MNF22" s="14"/>
      <c r="MNK22" s="13"/>
      <c r="MNL22" s="14"/>
      <c r="MNR22" s="14"/>
      <c r="MNX22" s="14"/>
      <c r="MOC22" s="13"/>
      <c r="MOD22" s="14"/>
      <c r="MOJ22" s="14"/>
      <c r="MOP22" s="14"/>
      <c r="MOU22" s="13"/>
      <c r="MOV22" s="14"/>
      <c r="MPB22" s="14"/>
      <c r="MPH22" s="14"/>
      <c r="MPM22" s="13"/>
      <c r="MPN22" s="14"/>
      <c r="MPT22" s="14"/>
      <c r="MPZ22" s="14"/>
      <c r="MQE22" s="13"/>
      <c r="MQF22" s="14"/>
      <c r="MQL22" s="14"/>
      <c r="MQR22" s="14"/>
      <c r="MQW22" s="13"/>
      <c r="MQX22" s="14"/>
      <c r="MRD22" s="14"/>
      <c r="MRJ22" s="14"/>
      <c r="MRO22" s="13"/>
      <c r="MRP22" s="14"/>
      <c r="MRV22" s="14"/>
      <c r="MSB22" s="14"/>
      <c r="MSG22" s="13"/>
      <c r="MSH22" s="14"/>
      <c r="MSN22" s="14"/>
      <c r="MST22" s="14"/>
      <c r="MSY22" s="13"/>
      <c r="MSZ22" s="14"/>
      <c r="MTF22" s="14"/>
      <c r="MTL22" s="14"/>
      <c r="MTQ22" s="13"/>
      <c r="MTR22" s="14"/>
      <c r="MTX22" s="14"/>
      <c r="MUD22" s="14"/>
      <c r="MUI22" s="13"/>
      <c r="MUJ22" s="14"/>
      <c r="MUP22" s="14"/>
      <c r="MUV22" s="14"/>
      <c r="MVA22" s="13"/>
      <c r="MVB22" s="14"/>
      <c r="MVH22" s="14"/>
      <c r="MVN22" s="14"/>
      <c r="MVS22" s="13"/>
      <c r="MVT22" s="14"/>
      <c r="MVZ22" s="14"/>
      <c r="MWF22" s="14"/>
      <c r="MWK22" s="13"/>
      <c r="MWL22" s="14"/>
      <c r="MWR22" s="14"/>
      <c r="MWX22" s="14"/>
      <c r="MXC22" s="13"/>
      <c r="MXD22" s="14"/>
      <c r="MXJ22" s="14"/>
      <c r="MXP22" s="14"/>
      <c r="MXU22" s="13"/>
      <c r="MXV22" s="14"/>
      <c r="MYB22" s="14"/>
      <c r="MYH22" s="14"/>
      <c r="MYM22" s="13"/>
      <c r="MYN22" s="14"/>
      <c r="MYT22" s="14"/>
      <c r="MYZ22" s="14"/>
      <c r="MZE22" s="13"/>
      <c r="MZF22" s="14"/>
      <c r="MZL22" s="14"/>
      <c r="MZR22" s="14"/>
      <c r="MZW22" s="13"/>
      <c r="MZX22" s="14"/>
      <c r="NAD22" s="14"/>
      <c r="NAJ22" s="14"/>
      <c r="NAO22" s="13"/>
      <c r="NAP22" s="14"/>
      <c r="NAV22" s="14"/>
      <c r="NBB22" s="14"/>
      <c r="NBG22" s="13"/>
      <c r="NBH22" s="14"/>
      <c r="NBN22" s="14"/>
      <c r="NBT22" s="14"/>
      <c r="NBY22" s="13"/>
      <c r="NBZ22" s="14"/>
      <c r="NCF22" s="14"/>
      <c r="NCL22" s="14"/>
      <c r="NCQ22" s="13"/>
      <c r="NCR22" s="14"/>
      <c r="NCX22" s="14"/>
      <c r="NDD22" s="14"/>
      <c r="NDI22" s="13"/>
      <c r="NDJ22" s="14"/>
      <c r="NDP22" s="14"/>
      <c r="NDV22" s="14"/>
      <c r="NEA22" s="13"/>
      <c r="NEB22" s="14"/>
      <c r="NEH22" s="14"/>
      <c r="NEN22" s="14"/>
      <c r="NES22" s="13"/>
      <c r="NET22" s="14"/>
      <c r="NEZ22" s="14"/>
      <c r="NFF22" s="14"/>
      <c r="NFK22" s="13"/>
      <c r="NFL22" s="14"/>
      <c r="NFR22" s="14"/>
      <c r="NFX22" s="14"/>
      <c r="NGC22" s="13"/>
      <c r="NGD22" s="14"/>
      <c r="NGJ22" s="14"/>
      <c r="NGP22" s="14"/>
      <c r="NGU22" s="13"/>
      <c r="NGV22" s="14"/>
      <c r="NHB22" s="14"/>
      <c r="NHH22" s="14"/>
      <c r="NHM22" s="13"/>
      <c r="NHN22" s="14"/>
      <c r="NHT22" s="14"/>
      <c r="NHZ22" s="14"/>
      <c r="NIE22" s="13"/>
      <c r="NIF22" s="14"/>
      <c r="NIL22" s="14"/>
      <c r="NIR22" s="14"/>
      <c r="NIW22" s="13"/>
      <c r="NIX22" s="14"/>
      <c r="NJD22" s="14"/>
      <c r="NJJ22" s="14"/>
      <c r="NJO22" s="13"/>
      <c r="NJP22" s="14"/>
      <c r="NJV22" s="14"/>
      <c r="NKB22" s="14"/>
      <c r="NKG22" s="13"/>
      <c r="NKH22" s="14"/>
      <c r="NKN22" s="14"/>
      <c r="NKT22" s="14"/>
      <c r="NKY22" s="13"/>
      <c r="NKZ22" s="14"/>
      <c r="NLF22" s="14"/>
      <c r="NLL22" s="14"/>
      <c r="NLQ22" s="13"/>
      <c r="NLR22" s="14"/>
      <c r="NLX22" s="14"/>
      <c r="NMD22" s="14"/>
      <c r="NMI22" s="13"/>
      <c r="NMJ22" s="14"/>
      <c r="NMP22" s="14"/>
      <c r="NMV22" s="14"/>
      <c r="NNA22" s="13"/>
      <c r="NNB22" s="14"/>
      <c r="NNH22" s="14"/>
      <c r="NNN22" s="14"/>
      <c r="NNS22" s="13"/>
      <c r="NNT22" s="14"/>
      <c r="NNZ22" s="14"/>
      <c r="NOF22" s="14"/>
      <c r="NOK22" s="13"/>
      <c r="NOL22" s="14"/>
      <c r="NOR22" s="14"/>
      <c r="NOX22" s="14"/>
      <c r="NPC22" s="13"/>
      <c r="NPD22" s="14"/>
      <c r="NPJ22" s="14"/>
      <c r="NPP22" s="14"/>
      <c r="NPU22" s="13"/>
      <c r="NPV22" s="14"/>
      <c r="NQB22" s="14"/>
      <c r="NQH22" s="14"/>
      <c r="NQM22" s="13"/>
      <c r="NQN22" s="14"/>
      <c r="NQT22" s="14"/>
      <c r="NQZ22" s="14"/>
      <c r="NRE22" s="13"/>
      <c r="NRF22" s="14"/>
      <c r="NRL22" s="14"/>
      <c r="NRR22" s="14"/>
      <c r="NRW22" s="13"/>
      <c r="NRX22" s="14"/>
      <c r="NSD22" s="14"/>
      <c r="NSJ22" s="14"/>
      <c r="NSO22" s="13"/>
      <c r="NSP22" s="14"/>
      <c r="NSV22" s="14"/>
      <c r="NTB22" s="14"/>
      <c r="NTG22" s="13"/>
      <c r="NTH22" s="14"/>
      <c r="NTN22" s="14"/>
      <c r="NTT22" s="14"/>
      <c r="NTY22" s="13"/>
      <c r="NTZ22" s="14"/>
      <c r="NUF22" s="14"/>
      <c r="NUL22" s="14"/>
      <c r="NUQ22" s="13"/>
      <c r="NUR22" s="14"/>
      <c r="NUX22" s="14"/>
      <c r="NVD22" s="14"/>
      <c r="NVI22" s="13"/>
      <c r="NVJ22" s="14"/>
      <c r="NVP22" s="14"/>
      <c r="NVV22" s="14"/>
      <c r="NWA22" s="13"/>
      <c r="NWB22" s="14"/>
      <c r="NWH22" s="14"/>
      <c r="NWN22" s="14"/>
      <c r="NWS22" s="13"/>
      <c r="NWT22" s="14"/>
      <c r="NWZ22" s="14"/>
      <c r="NXF22" s="14"/>
      <c r="NXK22" s="13"/>
      <c r="NXL22" s="14"/>
      <c r="NXR22" s="14"/>
      <c r="NXX22" s="14"/>
      <c r="NYC22" s="13"/>
      <c r="NYD22" s="14"/>
      <c r="NYJ22" s="14"/>
      <c r="NYP22" s="14"/>
      <c r="NYU22" s="13"/>
      <c r="NYV22" s="14"/>
      <c r="NZB22" s="14"/>
      <c r="NZH22" s="14"/>
      <c r="NZM22" s="13"/>
      <c r="NZN22" s="14"/>
      <c r="NZT22" s="14"/>
      <c r="NZZ22" s="14"/>
      <c r="OAE22" s="13"/>
      <c r="OAF22" s="14"/>
      <c r="OAL22" s="14"/>
      <c r="OAR22" s="14"/>
      <c r="OAW22" s="13"/>
      <c r="OAX22" s="14"/>
      <c r="OBD22" s="14"/>
      <c r="OBJ22" s="14"/>
      <c r="OBO22" s="13"/>
      <c r="OBP22" s="14"/>
      <c r="OBV22" s="14"/>
      <c r="OCB22" s="14"/>
      <c r="OCG22" s="13"/>
      <c r="OCH22" s="14"/>
      <c r="OCN22" s="14"/>
      <c r="OCT22" s="14"/>
      <c r="OCY22" s="13"/>
      <c r="OCZ22" s="14"/>
      <c r="ODF22" s="14"/>
      <c r="ODL22" s="14"/>
      <c r="ODQ22" s="13"/>
      <c r="ODR22" s="14"/>
      <c r="ODX22" s="14"/>
      <c r="OED22" s="14"/>
      <c r="OEI22" s="13"/>
      <c r="OEJ22" s="14"/>
      <c r="OEP22" s="14"/>
      <c r="OEV22" s="14"/>
      <c r="OFA22" s="13"/>
      <c r="OFB22" s="14"/>
      <c r="OFH22" s="14"/>
      <c r="OFN22" s="14"/>
      <c r="OFS22" s="13"/>
      <c r="OFT22" s="14"/>
      <c r="OFZ22" s="14"/>
      <c r="OGF22" s="14"/>
      <c r="OGK22" s="13"/>
      <c r="OGL22" s="14"/>
      <c r="OGR22" s="14"/>
      <c r="OGX22" s="14"/>
      <c r="OHC22" s="13"/>
      <c r="OHD22" s="14"/>
      <c r="OHJ22" s="14"/>
      <c r="OHP22" s="14"/>
      <c r="OHU22" s="13"/>
      <c r="OHV22" s="14"/>
      <c r="OIB22" s="14"/>
      <c r="OIH22" s="14"/>
      <c r="OIM22" s="13"/>
      <c r="OIN22" s="14"/>
      <c r="OIT22" s="14"/>
      <c r="OIZ22" s="14"/>
      <c r="OJE22" s="13"/>
      <c r="OJF22" s="14"/>
      <c r="OJL22" s="14"/>
      <c r="OJR22" s="14"/>
      <c r="OJW22" s="13"/>
      <c r="OJX22" s="14"/>
      <c r="OKD22" s="14"/>
      <c r="OKJ22" s="14"/>
      <c r="OKO22" s="13"/>
      <c r="OKP22" s="14"/>
      <c r="OKV22" s="14"/>
      <c r="OLB22" s="14"/>
      <c r="OLG22" s="13"/>
      <c r="OLH22" s="14"/>
      <c r="OLN22" s="14"/>
      <c r="OLT22" s="14"/>
      <c r="OLY22" s="13"/>
      <c r="OLZ22" s="14"/>
      <c r="OMF22" s="14"/>
      <c r="OML22" s="14"/>
      <c r="OMQ22" s="13"/>
      <c r="OMR22" s="14"/>
      <c r="OMX22" s="14"/>
      <c r="OND22" s="14"/>
      <c r="ONI22" s="13"/>
      <c r="ONJ22" s="14"/>
      <c r="ONP22" s="14"/>
      <c r="ONV22" s="14"/>
      <c r="OOA22" s="13"/>
      <c r="OOB22" s="14"/>
      <c r="OOH22" s="14"/>
      <c r="OON22" s="14"/>
      <c r="OOS22" s="13"/>
      <c r="OOT22" s="14"/>
      <c r="OOZ22" s="14"/>
      <c r="OPF22" s="14"/>
      <c r="OPK22" s="13"/>
      <c r="OPL22" s="14"/>
      <c r="OPR22" s="14"/>
      <c r="OPX22" s="14"/>
      <c r="OQC22" s="13"/>
      <c r="OQD22" s="14"/>
      <c r="OQJ22" s="14"/>
      <c r="OQP22" s="14"/>
      <c r="OQU22" s="13"/>
      <c r="OQV22" s="14"/>
      <c r="ORB22" s="14"/>
      <c r="ORH22" s="14"/>
      <c r="ORM22" s="13"/>
      <c r="ORN22" s="14"/>
      <c r="ORT22" s="14"/>
      <c r="ORZ22" s="14"/>
      <c r="OSE22" s="13"/>
      <c r="OSF22" s="14"/>
      <c r="OSL22" s="14"/>
      <c r="OSR22" s="14"/>
      <c r="OSW22" s="13"/>
      <c r="OSX22" s="14"/>
      <c r="OTD22" s="14"/>
      <c r="OTJ22" s="14"/>
      <c r="OTO22" s="13"/>
      <c r="OTP22" s="14"/>
      <c r="OTV22" s="14"/>
      <c r="OUB22" s="14"/>
      <c r="OUG22" s="13"/>
      <c r="OUH22" s="14"/>
      <c r="OUN22" s="14"/>
      <c r="OUT22" s="14"/>
      <c r="OUY22" s="13"/>
      <c r="OUZ22" s="14"/>
      <c r="OVF22" s="14"/>
      <c r="OVL22" s="14"/>
      <c r="OVQ22" s="13"/>
      <c r="OVR22" s="14"/>
      <c r="OVX22" s="14"/>
      <c r="OWD22" s="14"/>
      <c r="OWI22" s="13"/>
      <c r="OWJ22" s="14"/>
      <c r="OWP22" s="14"/>
      <c r="OWV22" s="14"/>
      <c r="OXA22" s="13"/>
      <c r="OXB22" s="14"/>
      <c r="OXH22" s="14"/>
      <c r="OXN22" s="14"/>
      <c r="OXS22" s="13"/>
      <c r="OXT22" s="14"/>
      <c r="OXZ22" s="14"/>
      <c r="OYF22" s="14"/>
      <c r="OYK22" s="13"/>
      <c r="OYL22" s="14"/>
      <c r="OYR22" s="14"/>
      <c r="OYX22" s="14"/>
      <c r="OZC22" s="13"/>
      <c r="OZD22" s="14"/>
      <c r="OZJ22" s="14"/>
      <c r="OZP22" s="14"/>
      <c r="OZU22" s="13"/>
      <c r="OZV22" s="14"/>
      <c r="PAB22" s="14"/>
      <c r="PAH22" s="14"/>
      <c r="PAM22" s="13"/>
      <c r="PAN22" s="14"/>
      <c r="PAT22" s="14"/>
      <c r="PAZ22" s="14"/>
      <c r="PBE22" s="13"/>
      <c r="PBF22" s="14"/>
      <c r="PBL22" s="14"/>
      <c r="PBR22" s="14"/>
      <c r="PBW22" s="13"/>
      <c r="PBX22" s="14"/>
      <c r="PCD22" s="14"/>
      <c r="PCJ22" s="14"/>
      <c r="PCO22" s="13"/>
      <c r="PCP22" s="14"/>
      <c r="PCV22" s="14"/>
      <c r="PDB22" s="14"/>
      <c r="PDG22" s="13"/>
      <c r="PDH22" s="14"/>
      <c r="PDN22" s="14"/>
      <c r="PDT22" s="14"/>
      <c r="PDY22" s="13"/>
      <c r="PDZ22" s="14"/>
      <c r="PEF22" s="14"/>
      <c r="PEL22" s="14"/>
      <c r="PEQ22" s="13"/>
      <c r="PER22" s="14"/>
      <c r="PEX22" s="14"/>
      <c r="PFD22" s="14"/>
      <c r="PFI22" s="13"/>
      <c r="PFJ22" s="14"/>
      <c r="PFP22" s="14"/>
      <c r="PFV22" s="14"/>
      <c r="PGA22" s="13"/>
      <c r="PGB22" s="14"/>
      <c r="PGH22" s="14"/>
      <c r="PGN22" s="14"/>
      <c r="PGS22" s="13"/>
      <c r="PGT22" s="14"/>
      <c r="PGZ22" s="14"/>
      <c r="PHF22" s="14"/>
      <c r="PHK22" s="13"/>
      <c r="PHL22" s="14"/>
      <c r="PHR22" s="14"/>
      <c r="PHX22" s="14"/>
      <c r="PIC22" s="13"/>
      <c r="PID22" s="14"/>
      <c r="PIJ22" s="14"/>
      <c r="PIP22" s="14"/>
      <c r="PIU22" s="13"/>
      <c r="PIV22" s="14"/>
      <c r="PJB22" s="14"/>
      <c r="PJH22" s="14"/>
      <c r="PJM22" s="13"/>
      <c r="PJN22" s="14"/>
      <c r="PJT22" s="14"/>
      <c r="PJZ22" s="14"/>
      <c r="PKE22" s="13"/>
      <c r="PKF22" s="14"/>
      <c r="PKL22" s="14"/>
      <c r="PKR22" s="14"/>
      <c r="PKW22" s="13"/>
      <c r="PKX22" s="14"/>
      <c r="PLD22" s="14"/>
      <c r="PLJ22" s="14"/>
      <c r="PLO22" s="13"/>
      <c r="PLP22" s="14"/>
      <c r="PLV22" s="14"/>
      <c r="PMB22" s="14"/>
      <c r="PMG22" s="13"/>
      <c r="PMH22" s="14"/>
      <c r="PMN22" s="14"/>
      <c r="PMT22" s="14"/>
      <c r="PMY22" s="13"/>
      <c r="PMZ22" s="14"/>
      <c r="PNF22" s="14"/>
      <c r="PNL22" s="14"/>
      <c r="PNQ22" s="13"/>
      <c r="PNR22" s="14"/>
      <c r="PNX22" s="14"/>
      <c r="POD22" s="14"/>
      <c r="POI22" s="13"/>
      <c r="POJ22" s="14"/>
      <c r="POP22" s="14"/>
      <c r="POV22" s="14"/>
      <c r="PPA22" s="13"/>
      <c r="PPB22" s="14"/>
      <c r="PPH22" s="14"/>
      <c r="PPN22" s="14"/>
      <c r="PPS22" s="13"/>
      <c r="PPT22" s="14"/>
      <c r="PPZ22" s="14"/>
      <c r="PQF22" s="14"/>
      <c r="PQK22" s="13"/>
      <c r="PQL22" s="14"/>
      <c r="PQR22" s="14"/>
      <c r="PQX22" s="14"/>
      <c r="PRC22" s="13"/>
      <c r="PRD22" s="14"/>
      <c r="PRJ22" s="14"/>
      <c r="PRP22" s="14"/>
      <c r="PRU22" s="13"/>
      <c r="PRV22" s="14"/>
      <c r="PSB22" s="14"/>
      <c r="PSH22" s="14"/>
      <c r="PSM22" s="13"/>
      <c r="PSN22" s="14"/>
      <c r="PST22" s="14"/>
      <c r="PSZ22" s="14"/>
      <c r="PTE22" s="13"/>
      <c r="PTF22" s="14"/>
      <c r="PTL22" s="14"/>
      <c r="PTR22" s="14"/>
      <c r="PTW22" s="13"/>
      <c r="PTX22" s="14"/>
      <c r="PUD22" s="14"/>
      <c r="PUJ22" s="14"/>
      <c r="PUO22" s="13"/>
      <c r="PUP22" s="14"/>
      <c r="PUV22" s="14"/>
      <c r="PVB22" s="14"/>
      <c r="PVG22" s="13"/>
      <c r="PVH22" s="14"/>
      <c r="PVN22" s="14"/>
      <c r="PVT22" s="14"/>
      <c r="PVY22" s="13"/>
      <c r="PVZ22" s="14"/>
      <c r="PWF22" s="14"/>
      <c r="PWL22" s="14"/>
      <c r="PWQ22" s="13"/>
      <c r="PWR22" s="14"/>
      <c r="PWX22" s="14"/>
      <c r="PXD22" s="14"/>
      <c r="PXI22" s="13"/>
      <c r="PXJ22" s="14"/>
      <c r="PXP22" s="14"/>
      <c r="PXV22" s="14"/>
      <c r="PYA22" s="13"/>
      <c r="PYB22" s="14"/>
      <c r="PYH22" s="14"/>
      <c r="PYN22" s="14"/>
      <c r="PYS22" s="13"/>
      <c r="PYT22" s="14"/>
      <c r="PYZ22" s="14"/>
      <c r="PZF22" s="14"/>
      <c r="PZK22" s="13"/>
      <c r="PZL22" s="14"/>
      <c r="PZR22" s="14"/>
      <c r="PZX22" s="14"/>
      <c r="QAC22" s="13"/>
      <c r="QAD22" s="14"/>
      <c r="QAJ22" s="14"/>
      <c r="QAP22" s="14"/>
      <c r="QAU22" s="13"/>
      <c r="QAV22" s="14"/>
      <c r="QBB22" s="14"/>
      <c r="QBH22" s="14"/>
      <c r="QBM22" s="13"/>
      <c r="QBN22" s="14"/>
      <c r="QBT22" s="14"/>
      <c r="QBZ22" s="14"/>
      <c r="QCE22" s="13"/>
      <c r="QCF22" s="14"/>
      <c r="QCL22" s="14"/>
      <c r="QCR22" s="14"/>
      <c r="QCW22" s="13"/>
      <c r="QCX22" s="14"/>
      <c r="QDD22" s="14"/>
      <c r="QDJ22" s="14"/>
      <c r="QDO22" s="13"/>
      <c r="QDP22" s="14"/>
      <c r="QDV22" s="14"/>
      <c r="QEB22" s="14"/>
      <c r="QEG22" s="13"/>
      <c r="QEH22" s="14"/>
      <c r="QEN22" s="14"/>
      <c r="QET22" s="14"/>
      <c r="QEY22" s="13"/>
      <c r="QEZ22" s="14"/>
      <c r="QFF22" s="14"/>
      <c r="QFL22" s="14"/>
      <c r="QFQ22" s="13"/>
      <c r="QFR22" s="14"/>
      <c r="QFX22" s="14"/>
      <c r="QGD22" s="14"/>
      <c r="QGI22" s="13"/>
      <c r="QGJ22" s="14"/>
      <c r="QGP22" s="14"/>
      <c r="QGV22" s="14"/>
      <c r="QHA22" s="13"/>
      <c r="QHB22" s="14"/>
      <c r="QHH22" s="14"/>
      <c r="QHN22" s="14"/>
      <c r="QHS22" s="13"/>
      <c r="QHT22" s="14"/>
      <c r="QHZ22" s="14"/>
      <c r="QIF22" s="14"/>
      <c r="QIK22" s="13"/>
      <c r="QIL22" s="14"/>
      <c r="QIR22" s="14"/>
      <c r="QIX22" s="14"/>
      <c r="QJC22" s="13"/>
      <c r="QJD22" s="14"/>
      <c r="QJJ22" s="14"/>
      <c r="QJP22" s="14"/>
      <c r="QJU22" s="13"/>
      <c r="QJV22" s="14"/>
      <c r="QKB22" s="14"/>
      <c r="QKH22" s="14"/>
      <c r="QKM22" s="13"/>
      <c r="QKN22" s="14"/>
      <c r="QKT22" s="14"/>
      <c r="QKZ22" s="14"/>
      <c r="QLE22" s="13"/>
      <c r="QLF22" s="14"/>
      <c r="QLL22" s="14"/>
      <c r="QLR22" s="14"/>
      <c r="QLW22" s="13"/>
      <c r="QLX22" s="14"/>
      <c r="QMD22" s="14"/>
      <c r="QMJ22" s="14"/>
      <c r="QMO22" s="13"/>
      <c r="QMP22" s="14"/>
      <c r="QMV22" s="14"/>
      <c r="QNB22" s="14"/>
      <c r="QNG22" s="13"/>
      <c r="QNH22" s="14"/>
      <c r="QNN22" s="14"/>
      <c r="QNT22" s="14"/>
      <c r="QNY22" s="13"/>
      <c r="QNZ22" s="14"/>
      <c r="QOF22" s="14"/>
      <c r="QOL22" s="14"/>
      <c r="QOQ22" s="13"/>
      <c r="QOR22" s="14"/>
      <c r="QOX22" s="14"/>
      <c r="QPD22" s="14"/>
      <c r="QPI22" s="13"/>
      <c r="QPJ22" s="14"/>
      <c r="QPP22" s="14"/>
      <c r="QPV22" s="14"/>
      <c r="QQA22" s="13"/>
      <c r="QQB22" s="14"/>
      <c r="QQH22" s="14"/>
      <c r="QQN22" s="14"/>
      <c r="QQS22" s="13"/>
      <c r="QQT22" s="14"/>
      <c r="QQZ22" s="14"/>
      <c r="QRF22" s="14"/>
      <c r="QRK22" s="13"/>
      <c r="QRL22" s="14"/>
      <c r="QRR22" s="14"/>
      <c r="QRX22" s="14"/>
      <c r="QSC22" s="13"/>
      <c r="QSD22" s="14"/>
      <c r="QSJ22" s="14"/>
      <c r="QSP22" s="14"/>
      <c r="QSU22" s="13"/>
      <c r="QSV22" s="14"/>
      <c r="QTB22" s="14"/>
      <c r="QTH22" s="14"/>
      <c r="QTM22" s="13"/>
      <c r="QTN22" s="14"/>
      <c r="QTT22" s="14"/>
      <c r="QTZ22" s="14"/>
      <c r="QUE22" s="13"/>
      <c r="QUF22" s="14"/>
      <c r="QUL22" s="14"/>
      <c r="QUR22" s="14"/>
      <c r="QUW22" s="13"/>
      <c r="QUX22" s="14"/>
      <c r="QVD22" s="14"/>
      <c r="QVJ22" s="14"/>
      <c r="QVO22" s="13"/>
      <c r="QVP22" s="14"/>
      <c r="QVV22" s="14"/>
      <c r="QWB22" s="14"/>
      <c r="QWG22" s="13"/>
      <c r="QWH22" s="14"/>
      <c r="QWN22" s="14"/>
      <c r="QWT22" s="14"/>
      <c r="QWY22" s="13"/>
      <c r="QWZ22" s="14"/>
      <c r="QXF22" s="14"/>
      <c r="QXL22" s="14"/>
      <c r="QXQ22" s="13"/>
      <c r="QXR22" s="14"/>
      <c r="QXX22" s="14"/>
      <c r="QYD22" s="14"/>
      <c r="QYI22" s="13"/>
      <c r="QYJ22" s="14"/>
      <c r="QYP22" s="14"/>
      <c r="QYV22" s="14"/>
      <c r="QZA22" s="13"/>
      <c r="QZB22" s="14"/>
      <c r="QZH22" s="14"/>
      <c r="QZN22" s="14"/>
      <c r="QZS22" s="13"/>
      <c r="QZT22" s="14"/>
      <c r="QZZ22" s="14"/>
      <c r="RAF22" s="14"/>
      <c r="RAK22" s="13"/>
      <c r="RAL22" s="14"/>
      <c r="RAR22" s="14"/>
      <c r="RAX22" s="14"/>
      <c r="RBC22" s="13"/>
      <c r="RBD22" s="14"/>
      <c r="RBJ22" s="14"/>
      <c r="RBP22" s="14"/>
      <c r="RBU22" s="13"/>
      <c r="RBV22" s="14"/>
      <c r="RCB22" s="14"/>
      <c r="RCH22" s="14"/>
      <c r="RCM22" s="13"/>
      <c r="RCN22" s="14"/>
      <c r="RCT22" s="14"/>
      <c r="RCZ22" s="14"/>
      <c r="RDE22" s="13"/>
      <c r="RDF22" s="14"/>
      <c r="RDL22" s="14"/>
      <c r="RDR22" s="14"/>
      <c r="RDW22" s="13"/>
      <c r="RDX22" s="14"/>
      <c r="RED22" s="14"/>
      <c r="REJ22" s="14"/>
      <c r="REO22" s="13"/>
      <c r="REP22" s="14"/>
      <c r="REV22" s="14"/>
      <c r="RFB22" s="14"/>
      <c r="RFG22" s="13"/>
      <c r="RFH22" s="14"/>
      <c r="RFN22" s="14"/>
      <c r="RFT22" s="14"/>
      <c r="RFY22" s="13"/>
      <c r="RFZ22" s="14"/>
      <c r="RGF22" s="14"/>
      <c r="RGL22" s="14"/>
      <c r="RGQ22" s="13"/>
      <c r="RGR22" s="14"/>
      <c r="RGX22" s="14"/>
      <c r="RHD22" s="14"/>
      <c r="RHI22" s="13"/>
      <c r="RHJ22" s="14"/>
      <c r="RHP22" s="14"/>
      <c r="RHV22" s="14"/>
      <c r="RIA22" s="13"/>
      <c r="RIB22" s="14"/>
      <c r="RIH22" s="14"/>
      <c r="RIN22" s="14"/>
      <c r="RIS22" s="13"/>
      <c r="RIT22" s="14"/>
      <c r="RIZ22" s="14"/>
      <c r="RJF22" s="14"/>
      <c r="RJK22" s="13"/>
      <c r="RJL22" s="14"/>
      <c r="RJR22" s="14"/>
      <c r="RJX22" s="14"/>
      <c r="RKC22" s="13"/>
      <c r="RKD22" s="14"/>
      <c r="RKJ22" s="14"/>
      <c r="RKP22" s="14"/>
      <c r="RKU22" s="13"/>
      <c r="RKV22" s="14"/>
      <c r="RLB22" s="14"/>
      <c r="RLH22" s="14"/>
      <c r="RLM22" s="13"/>
      <c r="RLN22" s="14"/>
      <c r="RLT22" s="14"/>
      <c r="RLZ22" s="14"/>
      <c r="RME22" s="13"/>
      <c r="RMF22" s="14"/>
      <c r="RML22" s="14"/>
      <c r="RMR22" s="14"/>
      <c r="RMW22" s="13"/>
      <c r="RMX22" s="14"/>
      <c r="RND22" s="14"/>
      <c r="RNJ22" s="14"/>
      <c r="RNO22" s="13"/>
      <c r="RNP22" s="14"/>
      <c r="RNV22" s="14"/>
      <c r="ROB22" s="14"/>
      <c r="ROG22" s="13"/>
      <c r="ROH22" s="14"/>
      <c r="RON22" s="14"/>
      <c r="ROT22" s="14"/>
      <c r="ROY22" s="13"/>
      <c r="ROZ22" s="14"/>
      <c r="RPF22" s="14"/>
      <c r="RPL22" s="14"/>
      <c r="RPQ22" s="13"/>
      <c r="RPR22" s="14"/>
      <c r="RPX22" s="14"/>
      <c r="RQD22" s="14"/>
      <c r="RQI22" s="13"/>
      <c r="RQJ22" s="14"/>
      <c r="RQP22" s="14"/>
      <c r="RQV22" s="14"/>
      <c r="RRA22" s="13"/>
      <c r="RRB22" s="14"/>
      <c r="RRH22" s="14"/>
      <c r="RRN22" s="14"/>
      <c r="RRS22" s="13"/>
      <c r="RRT22" s="14"/>
      <c r="RRZ22" s="14"/>
      <c r="RSF22" s="14"/>
      <c r="RSK22" s="13"/>
      <c r="RSL22" s="14"/>
      <c r="RSR22" s="14"/>
      <c r="RSX22" s="14"/>
      <c r="RTC22" s="13"/>
      <c r="RTD22" s="14"/>
      <c r="RTJ22" s="14"/>
      <c r="RTP22" s="14"/>
      <c r="RTU22" s="13"/>
      <c r="RTV22" s="14"/>
      <c r="RUB22" s="14"/>
      <c r="RUH22" s="14"/>
      <c r="RUM22" s="13"/>
      <c r="RUN22" s="14"/>
      <c r="RUT22" s="14"/>
      <c r="RUZ22" s="14"/>
      <c r="RVE22" s="13"/>
      <c r="RVF22" s="14"/>
      <c r="RVL22" s="14"/>
      <c r="RVR22" s="14"/>
      <c r="RVW22" s="13"/>
      <c r="RVX22" s="14"/>
      <c r="RWD22" s="14"/>
      <c r="RWJ22" s="14"/>
      <c r="RWO22" s="13"/>
      <c r="RWP22" s="14"/>
      <c r="RWV22" s="14"/>
      <c r="RXB22" s="14"/>
      <c r="RXG22" s="13"/>
      <c r="RXH22" s="14"/>
      <c r="RXN22" s="14"/>
      <c r="RXT22" s="14"/>
      <c r="RXY22" s="13"/>
      <c r="RXZ22" s="14"/>
      <c r="RYF22" s="14"/>
      <c r="RYL22" s="14"/>
      <c r="RYQ22" s="13"/>
      <c r="RYR22" s="14"/>
      <c r="RYX22" s="14"/>
      <c r="RZD22" s="14"/>
      <c r="RZI22" s="13"/>
      <c r="RZJ22" s="14"/>
      <c r="RZP22" s="14"/>
      <c r="RZV22" s="14"/>
      <c r="SAA22" s="13"/>
      <c r="SAB22" s="14"/>
      <c r="SAH22" s="14"/>
      <c r="SAN22" s="14"/>
      <c r="SAS22" s="13"/>
      <c r="SAT22" s="14"/>
      <c r="SAZ22" s="14"/>
      <c r="SBF22" s="14"/>
      <c r="SBK22" s="13"/>
      <c r="SBL22" s="14"/>
      <c r="SBR22" s="14"/>
      <c r="SBX22" s="14"/>
      <c r="SCC22" s="13"/>
      <c r="SCD22" s="14"/>
      <c r="SCJ22" s="14"/>
      <c r="SCP22" s="14"/>
      <c r="SCU22" s="13"/>
      <c r="SCV22" s="14"/>
      <c r="SDB22" s="14"/>
      <c r="SDH22" s="14"/>
      <c r="SDM22" s="13"/>
      <c r="SDN22" s="14"/>
      <c r="SDT22" s="14"/>
      <c r="SDZ22" s="14"/>
      <c r="SEE22" s="13"/>
      <c r="SEF22" s="14"/>
      <c r="SEL22" s="14"/>
      <c r="SER22" s="14"/>
      <c r="SEW22" s="13"/>
      <c r="SEX22" s="14"/>
      <c r="SFD22" s="14"/>
      <c r="SFJ22" s="14"/>
      <c r="SFO22" s="13"/>
      <c r="SFP22" s="14"/>
      <c r="SFV22" s="14"/>
      <c r="SGB22" s="14"/>
      <c r="SGG22" s="13"/>
      <c r="SGH22" s="14"/>
      <c r="SGN22" s="14"/>
      <c r="SGT22" s="14"/>
      <c r="SGY22" s="13"/>
      <c r="SGZ22" s="14"/>
      <c r="SHF22" s="14"/>
      <c r="SHL22" s="14"/>
      <c r="SHQ22" s="13"/>
      <c r="SHR22" s="14"/>
      <c r="SHX22" s="14"/>
      <c r="SID22" s="14"/>
      <c r="SII22" s="13"/>
      <c r="SIJ22" s="14"/>
      <c r="SIP22" s="14"/>
      <c r="SIV22" s="14"/>
      <c r="SJA22" s="13"/>
      <c r="SJB22" s="14"/>
      <c r="SJH22" s="14"/>
      <c r="SJN22" s="14"/>
      <c r="SJS22" s="13"/>
      <c r="SJT22" s="14"/>
      <c r="SJZ22" s="14"/>
      <c r="SKF22" s="14"/>
      <c r="SKK22" s="13"/>
      <c r="SKL22" s="14"/>
      <c r="SKR22" s="14"/>
      <c r="SKX22" s="14"/>
      <c r="SLC22" s="13"/>
      <c r="SLD22" s="14"/>
      <c r="SLJ22" s="14"/>
      <c r="SLP22" s="14"/>
      <c r="SLU22" s="13"/>
      <c r="SLV22" s="14"/>
      <c r="SMB22" s="14"/>
      <c r="SMH22" s="14"/>
      <c r="SMM22" s="13"/>
      <c r="SMN22" s="14"/>
      <c r="SMT22" s="14"/>
      <c r="SMZ22" s="14"/>
      <c r="SNE22" s="13"/>
      <c r="SNF22" s="14"/>
      <c r="SNL22" s="14"/>
      <c r="SNR22" s="14"/>
      <c r="SNW22" s="13"/>
      <c r="SNX22" s="14"/>
      <c r="SOD22" s="14"/>
      <c r="SOJ22" s="14"/>
      <c r="SOO22" s="13"/>
      <c r="SOP22" s="14"/>
      <c r="SOV22" s="14"/>
      <c r="SPB22" s="14"/>
      <c r="SPG22" s="13"/>
      <c r="SPH22" s="14"/>
      <c r="SPN22" s="14"/>
      <c r="SPT22" s="14"/>
      <c r="SPY22" s="13"/>
      <c r="SPZ22" s="14"/>
      <c r="SQF22" s="14"/>
      <c r="SQL22" s="14"/>
      <c r="SQQ22" s="13"/>
      <c r="SQR22" s="14"/>
      <c r="SQX22" s="14"/>
      <c r="SRD22" s="14"/>
      <c r="SRI22" s="13"/>
      <c r="SRJ22" s="14"/>
      <c r="SRP22" s="14"/>
      <c r="SRV22" s="14"/>
      <c r="SSA22" s="13"/>
      <c r="SSB22" s="14"/>
      <c r="SSH22" s="14"/>
      <c r="SSN22" s="14"/>
      <c r="SSS22" s="13"/>
      <c r="SST22" s="14"/>
      <c r="SSZ22" s="14"/>
      <c r="STF22" s="14"/>
      <c r="STK22" s="13"/>
      <c r="STL22" s="14"/>
      <c r="STR22" s="14"/>
      <c r="STX22" s="14"/>
      <c r="SUC22" s="13"/>
      <c r="SUD22" s="14"/>
      <c r="SUJ22" s="14"/>
      <c r="SUP22" s="14"/>
      <c r="SUU22" s="13"/>
      <c r="SUV22" s="14"/>
      <c r="SVB22" s="14"/>
      <c r="SVH22" s="14"/>
      <c r="SVM22" s="13"/>
      <c r="SVN22" s="14"/>
      <c r="SVT22" s="14"/>
      <c r="SVZ22" s="14"/>
      <c r="SWE22" s="13"/>
      <c r="SWF22" s="14"/>
      <c r="SWL22" s="14"/>
      <c r="SWR22" s="14"/>
      <c r="SWW22" s="13"/>
      <c r="SWX22" s="14"/>
      <c r="SXD22" s="14"/>
      <c r="SXJ22" s="14"/>
      <c r="SXO22" s="13"/>
      <c r="SXP22" s="14"/>
      <c r="SXV22" s="14"/>
      <c r="SYB22" s="14"/>
      <c r="SYG22" s="13"/>
      <c r="SYH22" s="14"/>
      <c r="SYN22" s="14"/>
      <c r="SYT22" s="14"/>
      <c r="SYY22" s="13"/>
      <c r="SYZ22" s="14"/>
      <c r="SZF22" s="14"/>
      <c r="SZL22" s="14"/>
      <c r="SZQ22" s="13"/>
      <c r="SZR22" s="14"/>
      <c r="SZX22" s="14"/>
      <c r="TAD22" s="14"/>
      <c r="TAI22" s="13"/>
      <c r="TAJ22" s="14"/>
      <c r="TAP22" s="14"/>
      <c r="TAV22" s="14"/>
      <c r="TBA22" s="13"/>
      <c r="TBB22" s="14"/>
      <c r="TBH22" s="14"/>
      <c r="TBN22" s="14"/>
      <c r="TBS22" s="13"/>
      <c r="TBT22" s="14"/>
      <c r="TBZ22" s="14"/>
      <c r="TCF22" s="14"/>
      <c r="TCK22" s="13"/>
      <c r="TCL22" s="14"/>
      <c r="TCR22" s="14"/>
      <c r="TCX22" s="14"/>
      <c r="TDC22" s="13"/>
      <c r="TDD22" s="14"/>
      <c r="TDJ22" s="14"/>
      <c r="TDP22" s="14"/>
      <c r="TDU22" s="13"/>
      <c r="TDV22" s="14"/>
      <c r="TEB22" s="14"/>
      <c r="TEH22" s="14"/>
      <c r="TEM22" s="13"/>
      <c r="TEN22" s="14"/>
      <c r="TET22" s="14"/>
      <c r="TEZ22" s="14"/>
      <c r="TFE22" s="13"/>
      <c r="TFF22" s="14"/>
      <c r="TFL22" s="14"/>
      <c r="TFR22" s="14"/>
      <c r="TFW22" s="13"/>
      <c r="TFX22" s="14"/>
      <c r="TGD22" s="14"/>
      <c r="TGJ22" s="14"/>
      <c r="TGO22" s="13"/>
      <c r="TGP22" s="14"/>
      <c r="TGV22" s="14"/>
      <c r="THB22" s="14"/>
      <c r="THG22" s="13"/>
      <c r="THH22" s="14"/>
      <c r="THN22" s="14"/>
      <c r="THT22" s="14"/>
      <c r="THY22" s="13"/>
      <c r="THZ22" s="14"/>
      <c r="TIF22" s="14"/>
      <c r="TIL22" s="14"/>
      <c r="TIQ22" s="13"/>
      <c r="TIR22" s="14"/>
      <c r="TIX22" s="14"/>
      <c r="TJD22" s="14"/>
      <c r="TJI22" s="13"/>
      <c r="TJJ22" s="14"/>
      <c r="TJP22" s="14"/>
      <c r="TJV22" s="14"/>
      <c r="TKA22" s="13"/>
      <c r="TKB22" s="14"/>
      <c r="TKH22" s="14"/>
      <c r="TKN22" s="14"/>
      <c r="TKS22" s="13"/>
      <c r="TKT22" s="14"/>
      <c r="TKZ22" s="14"/>
      <c r="TLF22" s="14"/>
      <c r="TLK22" s="13"/>
      <c r="TLL22" s="14"/>
      <c r="TLR22" s="14"/>
      <c r="TLX22" s="14"/>
      <c r="TMC22" s="13"/>
      <c r="TMD22" s="14"/>
      <c r="TMJ22" s="14"/>
      <c r="TMP22" s="14"/>
      <c r="TMU22" s="13"/>
      <c r="TMV22" s="14"/>
      <c r="TNB22" s="14"/>
      <c r="TNH22" s="14"/>
      <c r="TNM22" s="13"/>
      <c r="TNN22" s="14"/>
      <c r="TNT22" s="14"/>
      <c r="TNZ22" s="14"/>
      <c r="TOE22" s="13"/>
      <c r="TOF22" s="14"/>
      <c r="TOL22" s="14"/>
      <c r="TOR22" s="14"/>
      <c r="TOW22" s="13"/>
      <c r="TOX22" s="14"/>
      <c r="TPD22" s="14"/>
      <c r="TPJ22" s="14"/>
      <c r="TPO22" s="13"/>
      <c r="TPP22" s="14"/>
      <c r="TPV22" s="14"/>
      <c r="TQB22" s="14"/>
      <c r="TQG22" s="13"/>
      <c r="TQH22" s="14"/>
      <c r="TQN22" s="14"/>
      <c r="TQT22" s="14"/>
      <c r="TQY22" s="13"/>
      <c r="TQZ22" s="14"/>
      <c r="TRF22" s="14"/>
      <c r="TRL22" s="14"/>
      <c r="TRQ22" s="13"/>
      <c r="TRR22" s="14"/>
      <c r="TRX22" s="14"/>
      <c r="TSD22" s="14"/>
      <c r="TSI22" s="13"/>
      <c r="TSJ22" s="14"/>
      <c r="TSP22" s="14"/>
      <c r="TSV22" s="14"/>
      <c r="TTA22" s="13"/>
      <c r="TTB22" s="14"/>
      <c r="TTH22" s="14"/>
      <c r="TTN22" s="14"/>
      <c r="TTS22" s="13"/>
      <c r="TTT22" s="14"/>
      <c r="TTZ22" s="14"/>
      <c r="TUF22" s="14"/>
      <c r="TUK22" s="13"/>
      <c r="TUL22" s="14"/>
      <c r="TUR22" s="14"/>
      <c r="TUX22" s="14"/>
      <c r="TVC22" s="13"/>
      <c r="TVD22" s="14"/>
      <c r="TVJ22" s="14"/>
      <c r="TVP22" s="14"/>
      <c r="TVU22" s="13"/>
      <c r="TVV22" s="14"/>
      <c r="TWB22" s="14"/>
      <c r="TWH22" s="14"/>
      <c r="TWM22" s="13"/>
      <c r="TWN22" s="14"/>
      <c r="TWT22" s="14"/>
      <c r="TWZ22" s="14"/>
      <c r="TXE22" s="13"/>
      <c r="TXF22" s="14"/>
      <c r="TXL22" s="14"/>
      <c r="TXR22" s="14"/>
      <c r="TXW22" s="13"/>
      <c r="TXX22" s="14"/>
      <c r="TYD22" s="14"/>
      <c r="TYJ22" s="14"/>
      <c r="TYO22" s="13"/>
      <c r="TYP22" s="14"/>
      <c r="TYV22" s="14"/>
      <c r="TZB22" s="14"/>
      <c r="TZG22" s="13"/>
      <c r="TZH22" s="14"/>
      <c r="TZN22" s="14"/>
      <c r="TZT22" s="14"/>
      <c r="TZY22" s="13"/>
      <c r="TZZ22" s="14"/>
      <c r="UAF22" s="14"/>
      <c r="UAL22" s="14"/>
      <c r="UAQ22" s="13"/>
      <c r="UAR22" s="14"/>
      <c r="UAX22" s="14"/>
      <c r="UBD22" s="14"/>
      <c r="UBI22" s="13"/>
      <c r="UBJ22" s="14"/>
      <c r="UBP22" s="14"/>
      <c r="UBV22" s="14"/>
      <c r="UCA22" s="13"/>
      <c r="UCB22" s="14"/>
      <c r="UCH22" s="14"/>
      <c r="UCN22" s="14"/>
      <c r="UCS22" s="13"/>
      <c r="UCT22" s="14"/>
      <c r="UCZ22" s="14"/>
      <c r="UDF22" s="14"/>
      <c r="UDK22" s="13"/>
      <c r="UDL22" s="14"/>
      <c r="UDR22" s="14"/>
      <c r="UDX22" s="14"/>
      <c r="UEC22" s="13"/>
      <c r="UED22" s="14"/>
      <c r="UEJ22" s="14"/>
      <c r="UEP22" s="14"/>
      <c r="UEU22" s="13"/>
      <c r="UEV22" s="14"/>
      <c r="UFB22" s="14"/>
      <c r="UFH22" s="14"/>
      <c r="UFM22" s="13"/>
      <c r="UFN22" s="14"/>
      <c r="UFT22" s="14"/>
      <c r="UFZ22" s="14"/>
      <c r="UGE22" s="13"/>
      <c r="UGF22" s="14"/>
      <c r="UGL22" s="14"/>
      <c r="UGR22" s="14"/>
      <c r="UGW22" s="13"/>
      <c r="UGX22" s="14"/>
      <c r="UHD22" s="14"/>
      <c r="UHJ22" s="14"/>
      <c r="UHO22" s="13"/>
      <c r="UHP22" s="14"/>
      <c r="UHV22" s="14"/>
      <c r="UIB22" s="14"/>
      <c r="UIG22" s="13"/>
      <c r="UIH22" s="14"/>
      <c r="UIN22" s="14"/>
      <c r="UIT22" s="14"/>
      <c r="UIY22" s="13"/>
      <c r="UIZ22" s="14"/>
      <c r="UJF22" s="14"/>
      <c r="UJL22" s="14"/>
      <c r="UJQ22" s="13"/>
      <c r="UJR22" s="14"/>
      <c r="UJX22" s="14"/>
      <c r="UKD22" s="14"/>
      <c r="UKI22" s="13"/>
      <c r="UKJ22" s="14"/>
      <c r="UKP22" s="14"/>
      <c r="UKV22" s="14"/>
      <c r="ULA22" s="13"/>
      <c r="ULB22" s="14"/>
      <c r="ULH22" s="14"/>
      <c r="ULN22" s="14"/>
      <c r="ULS22" s="13"/>
      <c r="ULT22" s="14"/>
      <c r="ULZ22" s="14"/>
      <c r="UMF22" s="14"/>
      <c r="UMK22" s="13"/>
      <c r="UML22" s="14"/>
      <c r="UMR22" s="14"/>
      <c r="UMX22" s="14"/>
      <c r="UNC22" s="13"/>
      <c r="UND22" s="14"/>
      <c r="UNJ22" s="14"/>
      <c r="UNP22" s="14"/>
      <c r="UNU22" s="13"/>
      <c r="UNV22" s="14"/>
      <c r="UOB22" s="14"/>
      <c r="UOH22" s="14"/>
      <c r="UOM22" s="13"/>
      <c r="UON22" s="14"/>
      <c r="UOT22" s="14"/>
      <c r="UOZ22" s="14"/>
      <c r="UPE22" s="13"/>
      <c r="UPF22" s="14"/>
      <c r="UPL22" s="14"/>
      <c r="UPR22" s="14"/>
      <c r="UPW22" s="13"/>
      <c r="UPX22" s="14"/>
      <c r="UQD22" s="14"/>
      <c r="UQJ22" s="14"/>
      <c r="UQO22" s="13"/>
      <c r="UQP22" s="14"/>
      <c r="UQV22" s="14"/>
      <c r="URB22" s="14"/>
      <c r="URG22" s="13"/>
      <c r="URH22" s="14"/>
      <c r="URN22" s="14"/>
      <c r="URT22" s="14"/>
      <c r="URY22" s="13"/>
      <c r="URZ22" s="14"/>
      <c r="USF22" s="14"/>
      <c r="USL22" s="14"/>
      <c r="USQ22" s="13"/>
      <c r="USR22" s="14"/>
      <c r="USX22" s="14"/>
      <c r="UTD22" s="14"/>
      <c r="UTI22" s="13"/>
      <c r="UTJ22" s="14"/>
      <c r="UTP22" s="14"/>
      <c r="UTV22" s="14"/>
      <c r="UUA22" s="13"/>
      <c r="UUB22" s="14"/>
      <c r="UUH22" s="14"/>
      <c r="UUN22" s="14"/>
      <c r="UUS22" s="13"/>
      <c r="UUT22" s="14"/>
      <c r="UUZ22" s="14"/>
      <c r="UVF22" s="14"/>
      <c r="UVK22" s="13"/>
      <c r="UVL22" s="14"/>
      <c r="UVR22" s="14"/>
      <c r="UVX22" s="14"/>
      <c r="UWC22" s="13"/>
      <c r="UWD22" s="14"/>
      <c r="UWJ22" s="14"/>
      <c r="UWP22" s="14"/>
      <c r="UWU22" s="13"/>
      <c r="UWV22" s="14"/>
      <c r="UXB22" s="14"/>
      <c r="UXH22" s="14"/>
      <c r="UXM22" s="13"/>
      <c r="UXN22" s="14"/>
      <c r="UXT22" s="14"/>
      <c r="UXZ22" s="14"/>
      <c r="UYE22" s="13"/>
      <c r="UYF22" s="14"/>
      <c r="UYL22" s="14"/>
      <c r="UYR22" s="14"/>
      <c r="UYW22" s="13"/>
      <c r="UYX22" s="14"/>
      <c r="UZD22" s="14"/>
      <c r="UZJ22" s="14"/>
      <c r="UZO22" s="13"/>
      <c r="UZP22" s="14"/>
      <c r="UZV22" s="14"/>
      <c r="VAB22" s="14"/>
      <c r="VAG22" s="13"/>
      <c r="VAH22" s="14"/>
      <c r="VAN22" s="14"/>
      <c r="VAT22" s="14"/>
      <c r="VAY22" s="13"/>
      <c r="VAZ22" s="14"/>
      <c r="VBF22" s="14"/>
      <c r="VBL22" s="14"/>
      <c r="VBQ22" s="13"/>
      <c r="VBR22" s="14"/>
      <c r="VBX22" s="14"/>
      <c r="VCD22" s="14"/>
      <c r="VCI22" s="13"/>
      <c r="VCJ22" s="14"/>
      <c r="VCP22" s="14"/>
      <c r="VCV22" s="14"/>
      <c r="VDA22" s="13"/>
      <c r="VDB22" s="14"/>
      <c r="VDH22" s="14"/>
      <c r="VDN22" s="14"/>
      <c r="VDS22" s="13"/>
      <c r="VDT22" s="14"/>
      <c r="VDZ22" s="14"/>
      <c r="VEF22" s="14"/>
      <c r="VEK22" s="13"/>
      <c r="VEL22" s="14"/>
      <c r="VER22" s="14"/>
      <c r="VEX22" s="14"/>
      <c r="VFC22" s="13"/>
      <c r="VFD22" s="14"/>
      <c r="VFJ22" s="14"/>
      <c r="VFP22" s="14"/>
      <c r="VFU22" s="13"/>
      <c r="VFV22" s="14"/>
      <c r="VGB22" s="14"/>
      <c r="VGH22" s="14"/>
      <c r="VGM22" s="13"/>
      <c r="VGN22" s="14"/>
      <c r="VGT22" s="14"/>
      <c r="VGZ22" s="14"/>
      <c r="VHE22" s="13"/>
      <c r="VHF22" s="14"/>
      <c r="VHL22" s="14"/>
      <c r="VHR22" s="14"/>
      <c r="VHW22" s="13"/>
      <c r="VHX22" s="14"/>
      <c r="VID22" s="14"/>
      <c r="VIJ22" s="14"/>
      <c r="VIO22" s="13"/>
      <c r="VIP22" s="14"/>
      <c r="VIV22" s="14"/>
      <c r="VJB22" s="14"/>
      <c r="VJG22" s="13"/>
      <c r="VJH22" s="14"/>
      <c r="VJN22" s="14"/>
      <c r="VJT22" s="14"/>
      <c r="VJY22" s="13"/>
      <c r="VJZ22" s="14"/>
      <c r="VKF22" s="14"/>
      <c r="VKL22" s="14"/>
      <c r="VKQ22" s="13"/>
      <c r="VKR22" s="14"/>
      <c r="VKX22" s="14"/>
      <c r="VLD22" s="14"/>
      <c r="VLI22" s="13"/>
      <c r="VLJ22" s="14"/>
      <c r="VLP22" s="14"/>
      <c r="VLV22" s="14"/>
      <c r="VMA22" s="13"/>
      <c r="VMB22" s="14"/>
      <c r="VMH22" s="14"/>
      <c r="VMN22" s="14"/>
      <c r="VMS22" s="13"/>
      <c r="VMT22" s="14"/>
      <c r="VMZ22" s="14"/>
      <c r="VNF22" s="14"/>
      <c r="VNK22" s="13"/>
      <c r="VNL22" s="14"/>
      <c r="VNR22" s="14"/>
      <c r="VNX22" s="14"/>
      <c r="VOC22" s="13"/>
      <c r="VOD22" s="14"/>
      <c r="VOJ22" s="14"/>
      <c r="VOP22" s="14"/>
      <c r="VOU22" s="13"/>
      <c r="VOV22" s="14"/>
      <c r="VPB22" s="14"/>
      <c r="VPH22" s="14"/>
      <c r="VPM22" s="13"/>
      <c r="VPN22" s="14"/>
      <c r="VPT22" s="14"/>
      <c r="VPZ22" s="14"/>
      <c r="VQE22" s="13"/>
      <c r="VQF22" s="14"/>
      <c r="VQL22" s="14"/>
      <c r="VQR22" s="14"/>
      <c r="VQW22" s="13"/>
      <c r="VQX22" s="14"/>
      <c r="VRD22" s="14"/>
      <c r="VRJ22" s="14"/>
      <c r="VRO22" s="13"/>
      <c r="VRP22" s="14"/>
      <c r="VRV22" s="14"/>
      <c r="VSB22" s="14"/>
      <c r="VSG22" s="13"/>
      <c r="VSH22" s="14"/>
      <c r="VSN22" s="14"/>
      <c r="VST22" s="14"/>
      <c r="VSY22" s="13"/>
      <c r="VSZ22" s="14"/>
      <c r="VTF22" s="14"/>
      <c r="VTL22" s="14"/>
      <c r="VTQ22" s="13"/>
      <c r="VTR22" s="14"/>
      <c r="VTX22" s="14"/>
      <c r="VUD22" s="14"/>
      <c r="VUI22" s="13"/>
      <c r="VUJ22" s="14"/>
      <c r="VUP22" s="14"/>
      <c r="VUV22" s="14"/>
      <c r="VVA22" s="13"/>
      <c r="VVB22" s="14"/>
      <c r="VVH22" s="14"/>
      <c r="VVN22" s="14"/>
      <c r="VVS22" s="13"/>
      <c r="VVT22" s="14"/>
      <c r="VVZ22" s="14"/>
      <c r="VWF22" s="14"/>
      <c r="VWK22" s="13"/>
      <c r="VWL22" s="14"/>
      <c r="VWR22" s="14"/>
      <c r="VWX22" s="14"/>
      <c r="VXC22" s="13"/>
      <c r="VXD22" s="14"/>
      <c r="VXJ22" s="14"/>
      <c r="VXP22" s="14"/>
      <c r="VXU22" s="13"/>
      <c r="VXV22" s="14"/>
      <c r="VYB22" s="14"/>
      <c r="VYH22" s="14"/>
      <c r="VYM22" s="13"/>
      <c r="VYN22" s="14"/>
      <c r="VYT22" s="14"/>
      <c r="VYZ22" s="14"/>
      <c r="VZE22" s="13"/>
      <c r="VZF22" s="14"/>
      <c r="VZL22" s="14"/>
      <c r="VZR22" s="14"/>
      <c r="VZW22" s="13"/>
      <c r="VZX22" s="14"/>
      <c r="WAD22" s="14"/>
      <c r="WAJ22" s="14"/>
      <c r="WAO22" s="13"/>
      <c r="WAP22" s="14"/>
      <c r="WAV22" s="14"/>
      <c r="WBB22" s="14"/>
      <c r="WBG22" s="13"/>
      <c r="WBH22" s="14"/>
      <c r="WBN22" s="14"/>
      <c r="WBT22" s="14"/>
      <c r="WBY22" s="13"/>
      <c r="WBZ22" s="14"/>
      <c r="WCF22" s="14"/>
      <c r="WCL22" s="14"/>
      <c r="WCQ22" s="13"/>
      <c r="WCR22" s="14"/>
      <c r="WCX22" s="14"/>
      <c r="WDD22" s="14"/>
      <c r="WDI22" s="13"/>
      <c r="WDJ22" s="14"/>
      <c r="WDP22" s="14"/>
      <c r="WDV22" s="14"/>
      <c r="WEA22" s="13"/>
      <c r="WEB22" s="14"/>
      <c r="WEH22" s="14"/>
      <c r="WEN22" s="14"/>
      <c r="WES22" s="13"/>
      <c r="WET22" s="14"/>
      <c r="WEZ22" s="14"/>
      <c r="WFF22" s="14"/>
      <c r="WFK22" s="13"/>
      <c r="WFL22" s="14"/>
      <c r="WFR22" s="14"/>
      <c r="WFX22" s="14"/>
      <c r="WGC22" s="13"/>
      <c r="WGD22" s="14"/>
      <c r="WGJ22" s="14"/>
      <c r="WGP22" s="14"/>
      <c r="WGU22" s="13"/>
      <c r="WGV22" s="14"/>
      <c r="WHB22" s="14"/>
      <c r="WHH22" s="14"/>
      <c r="WHM22" s="13"/>
      <c r="WHN22" s="14"/>
      <c r="WHT22" s="14"/>
      <c r="WHZ22" s="14"/>
      <c r="WIE22" s="13"/>
      <c r="WIF22" s="14"/>
      <c r="WIL22" s="14"/>
      <c r="WIR22" s="14"/>
      <c r="WIW22" s="13"/>
      <c r="WIX22" s="14"/>
      <c r="WJD22" s="14"/>
      <c r="WJJ22" s="14"/>
      <c r="WJO22" s="13"/>
      <c r="WJP22" s="14"/>
      <c r="WJV22" s="14"/>
      <c r="WKB22" s="14"/>
      <c r="WKG22" s="13"/>
      <c r="WKH22" s="14"/>
      <c r="WKN22" s="14"/>
      <c r="WKT22" s="14"/>
      <c r="WKY22" s="13"/>
      <c r="WKZ22" s="14"/>
      <c r="WLF22" s="14"/>
      <c r="WLL22" s="14"/>
      <c r="WLQ22" s="13"/>
      <c r="WLR22" s="14"/>
      <c r="WLX22" s="14"/>
      <c r="WMD22" s="14"/>
      <c r="WMI22" s="13"/>
      <c r="WMJ22" s="14"/>
      <c r="WMP22" s="14"/>
      <c r="WMV22" s="14"/>
      <c r="WNA22" s="13"/>
      <c r="WNB22" s="14"/>
      <c r="WNH22" s="14"/>
      <c r="WNN22" s="14"/>
      <c r="WNS22" s="13"/>
      <c r="WNT22" s="14"/>
      <c r="WNZ22" s="14"/>
      <c r="WOF22" s="14"/>
      <c r="WOK22" s="13"/>
      <c r="WOL22" s="14"/>
      <c r="WOR22" s="14"/>
      <c r="WOX22" s="14"/>
      <c r="WPC22" s="13"/>
      <c r="WPD22" s="14"/>
      <c r="WPJ22" s="14"/>
      <c r="WPP22" s="14"/>
      <c r="WPU22" s="13"/>
      <c r="WPV22" s="14"/>
      <c r="WQB22" s="14"/>
      <c r="WQH22" s="14"/>
      <c r="WQM22" s="13"/>
      <c r="WQN22" s="14"/>
      <c r="WQT22" s="14"/>
      <c r="WQZ22" s="14"/>
      <c r="WRE22" s="13"/>
      <c r="WRF22" s="14"/>
      <c r="WRL22" s="14"/>
      <c r="WRR22" s="14"/>
      <c r="WRW22" s="13"/>
      <c r="WRX22" s="14"/>
      <c r="WSD22" s="14"/>
      <c r="WSJ22" s="14"/>
      <c r="WSO22" s="13"/>
      <c r="WSP22" s="14"/>
      <c r="WSV22" s="14"/>
      <c r="WTB22" s="14"/>
      <c r="WTG22" s="13"/>
      <c r="WTH22" s="14"/>
      <c r="WTN22" s="14"/>
      <c r="WTT22" s="14"/>
      <c r="WTY22" s="13"/>
      <c r="WTZ22" s="14"/>
      <c r="WUF22" s="14"/>
      <c r="WUL22" s="14"/>
      <c r="WUQ22" s="13"/>
      <c r="WUR22" s="14"/>
      <c r="WUX22" s="14"/>
      <c r="WVD22" s="14"/>
      <c r="WVI22" s="13"/>
      <c r="WVJ22" s="14"/>
      <c r="WVP22" s="14"/>
      <c r="WVV22" s="14"/>
      <c r="WWA22" s="13"/>
      <c r="WWB22" s="14"/>
      <c r="WWH22" s="14"/>
      <c r="WWN22" s="14"/>
      <c r="WWS22" s="13"/>
      <c r="WWT22" s="14"/>
      <c r="WWZ22" s="14"/>
      <c r="WXF22" s="14"/>
      <c r="WXK22" s="13"/>
      <c r="WXL22" s="14"/>
      <c r="WXR22" s="14"/>
      <c r="WXX22" s="14"/>
      <c r="WYC22" s="13"/>
      <c r="WYD22" s="14"/>
      <c r="WYJ22" s="14"/>
      <c r="WYP22" s="14"/>
      <c r="WYU22" s="13"/>
      <c r="WYV22" s="14"/>
      <c r="WZB22" s="14"/>
      <c r="WZH22" s="14"/>
      <c r="WZM22" s="13"/>
      <c r="WZN22" s="14"/>
      <c r="WZT22" s="14"/>
      <c r="WZZ22" s="14"/>
      <c r="XAE22" s="13"/>
      <c r="XAF22" s="14"/>
      <c r="XAL22" s="14"/>
      <c r="XAR22" s="14"/>
      <c r="XAW22" s="13"/>
      <c r="XAX22" s="14"/>
      <c r="XBD22" s="14"/>
      <c r="XBJ22" s="14"/>
      <c r="XBO22" s="13"/>
      <c r="XBP22" s="14"/>
      <c r="XBV22" s="14"/>
      <c r="XCB22" s="14"/>
      <c r="XCG22" s="13"/>
      <c r="XCH22" s="14"/>
      <c r="XCN22" s="14"/>
      <c r="XCT22" s="14"/>
      <c r="XCY22" s="13"/>
      <c r="XCZ22" s="14"/>
      <c r="XDF22" s="14"/>
      <c r="XDL22" s="14"/>
      <c r="XDQ22" s="13"/>
      <c r="XDR22" s="14"/>
      <c r="XDX22" s="14"/>
      <c r="XED22" s="14"/>
      <c r="XEI22" s="13"/>
      <c r="XEJ22" s="14"/>
      <c r="XEP22" s="14"/>
      <c r="XEV22" s="14"/>
      <c r="XFA22" s="13"/>
      <c r="XFB22" s="14"/>
    </row>
    <row r="23" spans="1:1022 1027:2048 2053:3068 3074:4094 4100:5120 5126:6140 6146:7166 7172:8192 8198:9212 9217:10238 10243:11264 11269:12284 12290:13310 13316:14336 14342:15356 15362:16382" ht="15.75" thickBot="1" x14ac:dyDescent="0.3">
      <c r="A23" s="4"/>
      <c r="B23" s="4"/>
      <c r="C23" s="4"/>
      <c r="D23" s="4"/>
      <c r="E23" s="4"/>
      <c r="F23" s="4"/>
      <c r="G23" s="4"/>
      <c r="H23" s="4"/>
      <c r="I23" s="4"/>
      <c r="J23" s="4"/>
      <c r="K23" s="4"/>
      <c r="L23" s="4"/>
      <c r="M23" s="4"/>
      <c r="N23" s="4"/>
      <c r="O23" s="4"/>
      <c r="P23" s="4"/>
      <c r="Q23" s="4"/>
      <c r="R23" s="4"/>
    </row>
    <row r="25" spans="1:1022 1027:2048 2053:3068 3074:4094 4100:5120 5126:6140 6146:7166 7172:8192 8198:9212 9217:10238 10243:11264 11269:12284 12290:13310 13316:14336 14342:15356 15362:16382" x14ac:dyDescent="0.25">
      <c r="A25" s="23" t="s">
        <v>26</v>
      </c>
    </row>
    <row r="26" spans="1:1022 1027:2048 2053:3068 3074:4094 4100:5120 5126:6140 6146:7166 7172:8192 8198:9212 9217:10238 10243:11264 11269:12284 12290:13310 13316:14336 14342:15356 15362:16382" x14ac:dyDescent="0.25">
      <c r="A26" s="26" t="s">
        <v>29</v>
      </c>
    </row>
    <row r="27" spans="1:1022 1027:2048 2053:3068 3074:4094 4100:5120 5126:6140 6146:7166 7172:8192 8198:9212 9217:10238 10243:11264 11269:12284 12290:13310 13316:14336 14342:15356 15362:16382" x14ac:dyDescent="0.25">
      <c r="A27" s="26" t="s">
        <v>27</v>
      </c>
    </row>
    <row r="28" spans="1:1022 1027:2048 2053:3068 3074:4094 4100:5120 5126:6140 6146:7166 7172:8192 8198:9212 9217:10238 10243:11264 11269:12284 12290:13310 13316:14336 14342:15356 15362:16382" x14ac:dyDescent="0.25">
      <c r="A28" s="26" t="s">
        <v>28</v>
      </c>
    </row>
    <row r="33" customFormat="1" x14ac:dyDescent="0.25"/>
    <row r="34" customFormat="1" x14ac:dyDescent="0.25"/>
    <row r="35" customFormat="1" x14ac:dyDescent="0.25"/>
    <row r="36" customFormat="1" x14ac:dyDescent="0.25"/>
    <row r="37" customFormat="1" x14ac:dyDescent="0.25"/>
    <row r="38" customFormat="1" x14ac:dyDescent="0.25"/>
    <row r="39" customFormat="1" x14ac:dyDescent="0.25"/>
    <row r="40" customFormat="1" x14ac:dyDescent="0.25"/>
    <row r="41" customFormat="1" x14ac:dyDescent="0.25"/>
    <row r="42" customFormat="1" x14ac:dyDescent="0.25"/>
    <row r="43" customFormat="1" x14ac:dyDescent="0.25"/>
    <row r="44" customFormat="1" x14ac:dyDescent="0.25"/>
    <row r="45" customFormat="1" x14ac:dyDescent="0.25"/>
    <row r="46" customFormat="1" x14ac:dyDescent="0.25"/>
  </sheetData>
  <mergeCells count="3">
    <mergeCell ref="B4:F4"/>
    <mergeCell ref="H4:L4"/>
    <mergeCell ref="N4:R4"/>
  </mergeCells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</dc:creator>
  <cp:lastModifiedBy>Knox Makumbe</cp:lastModifiedBy>
  <dcterms:created xsi:type="dcterms:W3CDTF">2015-10-22T14:17:28Z</dcterms:created>
  <dcterms:modified xsi:type="dcterms:W3CDTF">2024-03-26T15:48:07Z</dcterms:modified>
</cp:coreProperties>
</file>